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7:$S$1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31</definedName>
    <definedName name="_xlnm.Print_Area" localSheetId="8">'11 класс'!$A$1:$S$26</definedName>
    <definedName name="_xlnm.Print_Area" localSheetId="2">'5 класс'!$A$1:$S$39</definedName>
    <definedName name="_xlnm.Print_Area" localSheetId="3">'6 класс'!$A$1:$S$29</definedName>
    <definedName name="_xlnm.Print_Area" localSheetId="4">'7 класс'!$A$1:$S$30</definedName>
    <definedName name="_xlnm.Print_Area" localSheetId="5">'8 класс'!$A$1:$S$37</definedName>
    <definedName name="_xlnm.Print_Area" localSheetId="6">'9 класс'!$A$1:$S$44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Q21" i="64" l="1"/>
  <c r="Q19" i="69" l="1"/>
  <c r="R19" i="69" s="1"/>
  <c r="Q18" i="69"/>
  <c r="R18" i="69" s="1"/>
  <c r="Q20" i="69"/>
  <c r="R20" i="69" s="1"/>
  <c r="A18" i="69"/>
  <c r="Q21" i="68"/>
  <c r="R21" i="68" s="1"/>
  <c r="A25" i="68"/>
  <c r="Q23" i="68"/>
  <c r="R23" i="68" s="1"/>
  <c r="A24" i="68"/>
  <c r="Q25" i="68"/>
  <c r="R25" i="68" s="1"/>
  <c r="A23" i="68"/>
  <c r="Q18" i="68"/>
  <c r="R18" i="68" s="1"/>
  <c r="A22" i="68"/>
  <c r="Q24" i="68"/>
  <c r="R24" i="68" s="1"/>
  <c r="Q19" i="68"/>
  <c r="R19" i="68" s="1"/>
  <c r="Q20" i="68"/>
  <c r="R20" i="68" s="1"/>
  <c r="Q22" i="68"/>
  <c r="R22" i="68" s="1"/>
  <c r="A18" i="68"/>
  <c r="Q32" i="67"/>
  <c r="R32" i="67" s="1"/>
  <c r="A38" i="67"/>
  <c r="Q22" i="67"/>
  <c r="R22" i="67" s="1"/>
  <c r="A37" i="67"/>
  <c r="Q23" i="67"/>
  <c r="R23" i="67" s="1"/>
  <c r="A36" i="67"/>
  <c r="Q29" i="67"/>
  <c r="R29" i="67" s="1"/>
  <c r="A35" i="67"/>
  <c r="Q30" i="67"/>
  <c r="R30" i="67" s="1"/>
  <c r="A34" i="67"/>
  <c r="Q25" i="67"/>
  <c r="R25" i="67" s="1"/>
  <c r="A33" i="67"/>
  <c r="Q36" i="67"/>
  <c r="R36" i="67" s="1"/>
  <c r="A32" i="67"/>
  <c r="Q27" i="67"/>
  <c r="R27" i="67" s="1"/>
  <c r="A31" i="67"/>
  <c r="Q33" i="67"/>
  <c r="R33" i="67" s="1"/>
  <c r="A30" i="67"/>
  <c r="Q24" i="67"/>
  <c r="R24" i="67" s="1"/>
  <c r="A29" i="67"/>
  <c r="Q38" i="67"/>
  <c r="R38" i="67" s="1"/>
  <c r="A28" i="67"/>
  <c r="Q28" i="67"/>
  <c r="R28" i="67" s="1"/>
  <c r="A27" i="67"/>
  <c r="Q19" i="67"/>
  <c r="R19" i="67" s="1"/>
  <c r="A26" i="67"/>
  <c r="Q37" i="67"/>
  <c r="R37" i="67" s="1"/>
  <c r="A25" i="67"/>
  <c r="Q18" i="67"/>
  <c r="R18" i="67" s="1"/>
  <c r="A24" i="67"/>
  <c r="Q34" i="67"/>
  <c r="R34" i="67" s="1"/>
  <c r="A23" i="67"/>
  <c r="Q35" i="67"/>
  <c r="R35" i="67" s="1"/>
  <c r="A22" i="67"/>
  <c r="Q20" i="67"/>
  <c r="R20" i="67" s="1"/>
  <c r="Q31" i="67"/>
  <c r="R31" i="67" s="1"/>
  <c r="Q21" i="67"/>
  <c r="R21" i="67" s="1"/>
  <c r="Q26" i="67"/>
  <c r="R26" i="67" s="1"/>
  <c r="A18" i="67"/>
  <c r="Q19" i="66"/>
  <c r="R19" i="66" s="1"/>
  <c r="A31" i="66"/>
  <c r="Q27" i="66"/>
  <c r="R27" i="66" s="1"/>
  <c r="A30" i="66"/>
  <c r="Q29" i="66"/>
  <c r="R29" i="66" s="1"/>
  <c r="A29" i="66"/>
  <c r="Q18" i="66"/>
  <c r="R18" i="66" s="1"/>
  <c r="A28" i="66"/>
  <c r="Q28" i="66"/>
  <c r="R28" i="66" s="1"/>
  <c r="A27" i="66"/>
  <c r="Q23" i="66"/>
  <c r="R23" i="66" s="1"/>
  <c r="A26" i="66"/>
  <c r="Q21" i="66"/>
  <c r="R21" i="66" s="1"/>
  <c r="A25" i="66"/>
  <c r="Q24" i="66"/>
  <c r="R24" i="66" s="1"/>
  <c r="A24" i="66"/>
  <c r="Q20" i="66"/>
  <c r="R20" i="66" s="1"/>
  <c r="A23" i="66"/>
  <c r="Q26" i="66"/>
  <c r="R26" i="66" s="1"/>
  <c r="A22" i="66"/>
  <c r="Q31" i="66"/>
  <c r="R31" i="66" s="1"/>
  <c r="Q30" i="66"/>
  <c r="R30" i="66" s="1"/>
  <c r="Q25" i="66"/>
  <c r="R25" i="66" s="1"/>
  <c r="Q22" i="66"/>
  <c r="R22" i="66" s="1"/>
  <c r="A18" i="66"/>
  <c r="Q20" i="65"/>
  <c r="R20" i="65" s="1"/>
  <c r="A23" i="65"/>
  <c r="Q18" i="65"/>
  <c r="R18" i="65" s="1"/>
  <c r="A22" i="65"/>
  <c r="Q22" i="65"/>
  <c r="R22" i="65" s="1"/>
  <c r="Q21" i="65"/>
  <c r="R21" i="65" s="1"/>
  <c r="Q23" i="65"/>
  <c r="R23" i="65" s="1"/>
  <c r="Q19" i="65"/>
  <c r="R19" i="65" s="1"/>
  <c r="A18" i="65"/>
  <c r="Q32" i="64"/>
  <c r="R32" i="64" s="1"/>
  <c r="A33" i="64"/>
  <c r="Q33" i="64"/>
  <c r="R33" i="64" s="1"/>
  <c r="A32" i="64"/>
  <c r="Q26" i="64"/>
  <c r="R26" i="64" s="1"/>
  <c r="A31" i="64"/>
  <c r="Q22" i="64"/>
  <c r="R22" i="64" s="1"/>
  <c r="A30" i="64"/>
  <c r="Q20" i="64"/>
  <c r="R20" i="64" s="1"/>
  <c r="A29" i="64"/>
  <c r="R21" i="64"/>
  <c r="A28" i="64"/>
  <c r="Q19" i="64"/>
  <c r="R19" i="64" s="1"/>
  <c r="A27" i="64"/>
  <c r="Q25" i="64"/>
  <c r="R25" i="64" s="1"/>
  <c r="A26" i="64"/>
  <c r="Q30" i="64"/>
  <c r="R30" i="64" s="1"/>
  <c r="A25" i="64"/>
  <c r="Q18" i="64"/>
  <c r="R18" i="64" s="1"/>
  <c r="A24" i="64"/>
  <c r="Q23" i="64"/>
  <c r="R23" i="64" s="1"/>
  <c r="A23" i="64"/>
  <c r="Q28" i="64"/>
  <c r="R28" i="64" s="1"/>
  <c r="A22" i="64"/>
  <c r="Q29" i="64"/>
  <c r="R29" i="64" s="1"/>
  <c r="Q31" i="64"/>
  <c r="R31" i="64" s="1"/>
  <c r="Q27" i="64"/>
  <c r="R27" i="64" s="1"/>
  <c r="Q24" i="64"/>
  <c r="R24" i="64" s="1"/>
  <c r="A18" i="64"/>
  <c r="Q22" i="57" l="1"/>
  <c r="R22" i="57" s="1"/>
  <c r="A24" i="57"/>
  <c r="Q24" i="57"/>
  <c r="R24" i="57" s="1"/>
  <c r="A23" i="57"/>
  <c r="Q21" i="57"/>
  <c r="R21" i="57" s="1"/>
  <c r="A22" i="57"/>
  <c r="Q19" i="57"/>
  <c r="R19" i="57" s="1"/>
  <c r="Q23" i="57"/>
  <c r="R23" i="57" s="1"/>
  <c r="Q20" i="57"/>
  <c r="R20" i="57" s="1"/>
  <c r="Q18" i="57"/>
  <c r="R18" i="57" s="1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300" uniqueCount="569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17"</t>
  </si>
  <si>
    <t>география</t>
  </si>
  <si>
    <t xml:space="preserve">Баранова </t>
  </si>
  <si>
    <t>Олеся</t>
  </si>
  <si>
    <t>Беспрознова</t>
  </si>
  <si>
    <t>Алена</t>
  </si>
  <si>
    <t>Бубнова</t>
  </si>
  <si>
    <t>Иванова</t>
  </si>
  <si>
    <t>Ялина</t>
  </si>
  <si>
    <t>Ярославна</t>
  </si>
  <si>
    <t>Яна</t>
  </si>
  <si>
    <t xml:space="preserve">Кирюхин </t>
  </si>
  <si>
    <t xml:space="preserve">Коврякова </t>
  </si>
  <si>
    <t>Колобова</t>
  </si>
  <si>
    <t>Татьяна</t>
  </si>
  <si>
    <t>Селезнёв</t>
  </si>
  <si>
    <t>призёр</t>
  </si>
  <si>
    <t xml:space="preserve">Суслонова </t>
  </si>
  <si>
    <t>Кристина</t>
  </si>
  <si>
    <t xml:space="preserve">Чёботова </t>
  </si>
  <si>
    <t>Соловьёв</t>
  </si>
  <si>
    <t>Шпагин</t>
  </si>
  <si>
    <t>Лев</t>
  </si>
  <si>
    <t>Гоголицына</t>
  </si>
  <si>
    <t>Викторович</t>
  </si>
  <si>
    <t>Николаевна</t>
  </si>
  <si>
    <t>МАОУ "СОШ  17"</t>
  </si>
  <si>
    <t>Волина</t>
  </si>
  <si>
    <t>6Б</t>
  </si>
  <si>
    <t>Закатов</t>
  </si>
  <si>
    <t>Семён</t>
  </si>
  <si>
    <t>Кольцов</t>
  </si>
  <si>
    <t>Вадим</t>
  </si>
  <si>
    <t>Романович</t>
  </si>
  <si>
    <t>Легков</t>
  </si>
  <si>
    <t>6А</t>
  </si>
  <si>
    <t>Сарайкин</t>
  </si>
  <si>
    <t>Константинович</t>
  </si>
  <si>
    <t>Удалова</t>
  </si>
  <si>
    <t>Ионин</t>
  </si>
  <si>
    <t>7А</t>
  </si>
  <si>
    <t>Логинова</t>
  </si>
  <si>
    <t>Исакова</t>
  </si>
  <si>
    <t>Анастасия</t>
  </si>
  <si>
    <t>Пантеев</t>
  </si>
  <si>
    <t>Мирослав</t>
  </si>
  <si>
    <t xml:space="preserve">Силина </t>
  </si>
  <si>
    <t>Валентина</t>
  </si>
  <si>
    <t>Шинкарёв</t>
  </si>
  <si>
    <t>Кирилл</t>
  </si>
  <si>
    <t>7Б</t>
  </si>
  <si>
    <t>8В</t>
  </si>
  <si>
    <t>Белякова</t>
  </si>
  <si>
    <t>8Д</t>
  </si>
  <si>
    <t>Болотов</t>
  </si>
  <si>
    <t>Брагин</t>
  </si>
  <si>
    <t xml:space="preserve">Вахрушев </t>
  </si>
  <si>
    <t>Егоров</t>
  </si>
  <si>
    <t>8Б</t>
  </si>
  <si>
    <t>Кирилловский</t>
  </si>
  <si>
    <t>Кудринский</t>
  </si>
  <si>
    <t>Кудряшов</t>
  </si>
  <si>
    <t>Захар</t>
  </si>
  <si>
    <t>Неелов</t>
  </si>
  <si>
    <t>Артём</t>
  </si>
  <si>
    <t>Соколов</t>
  </si>
  <si>
    <t>Виктор</t>
  </si>
  <si>
    <t>Таланов</t>
  </si>
  <si>
    <t>Тревогин</t>
  </si>
  <si>
    <t>андреевич</t>
  </si>
  <si>
    <t>Пасенков</t>
  </si>
  <si>
    <t>11А</t>
  </si>
  <si>
    <t>Денис</t>
  </si>
  <si>
    <t>10Б</t>
  </si>
  <si>
    <t>Кара</t>
  </si>
  <si>
    <t>10А</t>
  </si>
  <si>
    <t>Куваева</t>
  </si>
  <si>
    <t>Анатольевна</t>
  </si>
  <si>
    <t xml:space="preserve">Козлова </t>
  </si>
  <si>
    <t>Лаптев</t>
  </si>
  <si>
    <t>Ильич</t>
  </si>
  <si>
    <t>Лунёв</t>
  </si>
  <si>
    <t>Ропот</t>
  </si>
  <si>
    <t>Савина</t>
  </si>
  <si>
    <t>Денисовна</t>
  </si>
  <si>
    <t>Григорьев</t>
  </si>
  <si>
    <t>9Г</t>
  </si>
  <si>
    <t>Городова</t>
  </si>
  <si>
    <t>9А</t>
  </si>
  <si>
    <t>Колодин</t>
  </si>
  <si>
    <t>Никодимова</t>
  </si>
  <si>
    <t>Ерехинская</t>
  </si>
  <si>
    <t>Карина</t>
  </si>
  <si>
    <t>Потапкова</t>
  </si>
  <si>
    <t>Бараев</t>
  </si>
  <si>
    <t>9Б</t>
  </si>
  <si>
    <t>Баранова</t>
  </si>
  <si>
    <t>Юлия</t>
  </si>
  <si>
    <t>Курочкина</t>
  </si>
  <si>
    <t xml:space="preserve">Корнейчук </t>
  </si>
  <si>
    <t>Черепанова</t>
  </si>
  <si>
    <t>Купцов</t>
  </si>
  <si>
    <t>Глеб</t>
  </si>
  <si>
    <t>9Д</t>
  </si>
  <si>
    <t>Жогина</t>
  </si>
  <si>
    <t>Злата</t>
  </si>
  <si>
    <t>Бодрова</t>
  </si>
  <si>
    <t>Шабалова</t>
  </si>
  <si>
    <t>Щепелина</t>
  </si>
  <si>
    <t>Морозова</t>
  </si>
  <si>
    <t>Киселёв</t>
  </si>
  <si>
    <t>Иванов</t>
  </si>
  <si>
    <t>Косоногов</t>
  </si>
  <si>
    <t>Ворожбянова</t>
  </si>
  <si>
    <t>8А</t>
  </si>
  <si>
    <t>Снежанна</t>
  </si>
  <si>
    <t>11а-2023-1</t>
  </si>
  <si>
    <t>11а-2023-3</t>
  </si>
  <si>
    <t>11а-2023-2</t>
  </si>
  <si>
    <t>Цветкова Ю.Н.</t>
  </si>
  <si>
    <t>Волина М.И.</t>
  </si>
  <si>
    <t>10а-2023-1</t>
  </si>
  <si>
    <t>10а-2023-2</t>
  </si>
  <si>
    <t>10а-2023-3</t>
  </si>
  <si>
    <t>10а-2023-4</t>
  </si>
  <si>
    <t>10а-2023-5</t>
  </si>
  <si>
    <t>10а-2023-6</t>
  </si>
  <si>
    <t>10а-2023-7</t>
  </si>
  <si>
    <t>10а-2023-8</t>
  </si>
  <si>
    <t>9а-2023-1</t>
  </si>
  <si>
    <t>9а-2023-4</t>
  </si>
  <si>
    <t>9а-2023-9</t>
  </si>
  <si>
    <t>9а-2023-13</t>
  </si>
  <si>
    <t>9а-2023-2</t>
  </si>
  <si>
    <t>9а-2023-3</t>
  </si>
  <si>
    <t>9а-2023-5</t>
  </si>
  <si>
    <t>9а-2023-6</t>
  </si>
  <si>
    <t>9а-2023-7</t>
  </si>
  <si>
    <t>9а-2023-8</t>
  </si>
  <si>
    <t>9а-2023-10</t>
  </si>
  <si>
    <t>9а-2023-11</t>
  </si>
  <si>
    <t>9а-2023-12</t>
  </si>
  <si>
    <t>9а-2023-14</t>
  </si>
  <si>
    <t>9а-2023-15</t>
  </si>
  <si>
    <t>9а-2023-16</t>
  </si>
  <si>
    <t>9а-2023-17</t>
  </si>
  <si>
    <t>9а-2023-18</t>
  </si>
  <si>
    <t>9а-2023-19</t>
  </si>
  <si>
    <t>9а-2023-20</t>
  </si>
  <si>
    <t>9а-2023-21</t>
  </si>
  <si>
    <t>Евгеньевна</t>
  </si>
  <si>
    <t>Романовна</t>
  </si>
  <si>
    <t>8г-2023-1</t>
  </si>
  <si>
    <t>8г-2023-3</t>
  </si>
  <si>
    <t>8г-2023-4</t>
  </si>
  <si>
    <t>8г-2023-5</t>
  </si>
  <si>
    <t>8г-2023-6</t>
  </si>
  <si>
    <t>8г-2023-10</t>
  </si>
  <si>
    <t>8г-2023-11</t>
  </si>
  <si>
    <t>8г-2023-13</t>
  </si>
  <si>
    <t>8г-2023-14</t>
  </si>
  <si>
    <t>8г-2023-2</t>
  </si>
  <si>
    <t>8г-2023-7</t>
  </si>
  <si>
    <t>8г-2023-8</t>
  </si>
  <si>
    <t>8г-2023-9</t>
  </si>
  <si>
    <t>8г-2023-12</t>
  </si>
  <si>
    <t>Волина М.И</t>
  </si>
  <si>
    <t>7г-2023-1</t>
  </si>
  <si>
    <t>7г-2023-2</t>
  </si>
  <si>
    <t>7г-2023-3</t>
  </si>
  <si>
    <t>7г-2023-4</t>
  </si>
  <si>
    <t>7г-2023-5</t>
  </si>
  <si>
    <t>7г-2023-6</t>
  </si>
  <si>
    <t>7г-2023-7</t>
  </si>
  <si>
    <t>6г-2023-1</t>
  </si>
  <si>
    <t>6г-2023-2</t>
  </si>
  <si>
    <t>6г-2023-3</t>
  </si>
  <si>
    <t>6г-2023-4</t>
  </si>
  <si>
    <t>6г-2023-5</t>
  </si>
  <si>
    <t>6г-2023-6</t>
  </si>
  <si>
    <t>5г-2023-1</t>
  </si>
  <si>
    <t>5г-2023-2</t>
  </si>
  <si>
    <t>5г-2023-3</t>
  </si>
  <si>
    <t>5г-2023-4</t>
  </si>
  <si>
    <t>5г-2023-5</t>
  </si>
  <si>
    <t>5г-2023-6</t>
  </si>
  <si>
    <t>5г-2023-7</t>
  </si>
  <si>
    <t>5г-2023-8</t>
  </si>
  <si>
    <t>5г-2023-9</t>
  </si>
  <si>
    <t>5г-2023-10</t>
  </si>
  <si>
    <t>5г-2023-11</t>
  </si>
  <si>
    <t>5г-2023-12</t>
  </si>
  <si>
    <t>5г-2023-13</t>
  </si>
  <si>
    <t>5г-2023-14</t>
  </si>
  <si>
    <t>5г-2023-15</t>
  </si>
  <si>
    <t>5г-2023-16</t>
  </si>
  <si>
    <t>Боев</t>
  </si>
  <si>
    <t>Эдуардовн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  <font>
      <b/>
      <sz val="12"/>
      <name val="Times New Roman"/>
      <family val="1"/>
      <charset val="204"/>
    </font>
    <font>
      <b/>
      <sz val="11"/>
      <name val="Calibri"/>
      <family val="2"/>
      <charset val="204"/>
      <scheme val="minor"/>
    </font>
    <font>
      <sz val="12"/>
      <name val="Times New Roman"/>
      <family val="1"/>
      <charset val="204"/>
    </font>
    <font>
      <sz val="14"/>
      <name val="Times New Roman"/>
      <family val="1"/>
      <charset val="204"/>
    </font>
    <font>
      <b/>
      <sz val="14"/>
      <name val="Times New Roman"/>
      <family val="1"/>
      <charset val="204"/>
    </font>
    <font>
      <sz val="8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35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1" fillId="0" borderId="0" xfId="0" applyFont="1" applyAlignment="1">
      <alignment horizontal="left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0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6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6" xfId="0" applyFill="1" applyBorder="1" applyAlignment="1">
      <alignment horizontal="left" vertical="center"/>
    </xf>
    <xf numFmtId="0" fontId="0" fillId="0" borderId="6" xfId="0" applyFont="1" applyFill="1" applyBorder="1" applyAlignment="1">
      <alignment horizontal="left" vertical="center"/>
    </xf>
    <xf numFmtId="0" fontId="0" fillId="0" borderId="6" xfId="0" applyFill="1" applyBorder="1" applyAlignment="1">
      <alignment vertical="center"/>
    </xf>
    <xf numFmtId="0" fontId="0" fillId="0" borderId="6" xfId="0" applyFont="1" applyFill="1" applyBorder="1" applyAlignment="1">
      <alignment vertical="center"/>
    </xf>
    <xf numFmtId="0" fontId="0" fillId="0" borderId="6" xfId="0" applyBorder="1" applyAlignment="1">
      <alignment horizontal="left"/>
    </xf>
    <xf numFmtId="0" fontId="0" fillId="0" borderId="6" xfId="0" quotePrefix="1" applyBorder="1" applyAlignment="1">
      <alignment horizontal="left"/>
    </xf>
    <xf numFmtId="0" fontId="11" fillId="0" borderId="6" xfId="0" applyFont="1" applyFill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1" fillId="0" borderId="0" xfId="0" applyFont="1" applyAlignment="1">
      <alignment horizontal="left"/>
    </xf>
    <xf numFmtId="0" fontId="11" fillId="0" borderId="0" xfId="0" applyFont="1" applyFill="1" applyAlignment="1">
      <alignment horizontal="left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1" fillId="0" borderId="0" xfId="0" applyFont="1"/>
    <xf numFmtId="0" fontId="11" fillId="0" borderId="0" xfId="0" applyFont="1" applyAlignment="1">
      <alignment horizontal="center" vertical="center"/>
    </xf>
    <xf numFmtId="0" fontId="11" fillId="0" borderId="6" xfId="0" applyFont="1" applyFill="1" applyBorder="1" applyAlignment="1">
      <alignment horizontal="left" vertical="center"/>
    </xf>
    <xf numFmtId="0" fontId="11" fillId="0" borderId="1" xfId="0" applyFont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11" fillId="0" borderId="6" xfId="0" applyFont="1" applyBorder="1" applyAlignment="1">
      <alignment horizontal="center" vertical="center"/>
    </xf>
    <xf numFmtId="0" fontId="11" fillId="0" borderId="1" xfId="0" applyFont="1" applyFill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4" fillId="0" borderId="0" xfId="0" applyFont="1" applyAlignment="1">
      <alignment horizontal="left"/>
    </xf>
    <xf numFmtId="0" fontId="13" fillId="0" borderId="10" xfId="0" applyFont="1" applyBorder="1" applyAlignment="1">
      <alignment horizontal="center" vertical="center" wrapText="1"/>
    </xf>
    <xf numFmtId="0" fontId="11" fillId="0" borderId="6" xfId="0" applyFont="1" applyBorder="1" applyAlignment="1">
      <alignment horizontal="center" vertical="center" wrapText="1"/>
    </xf>
    <xf numFmtId="0" fontId="11" fillId="0" borderId="6" xfId="0" applyFont="1" applyBorder="1" applyAlignment="1">
      <alignment horizontal="left" vertical="center" wrapText="1"/>
    </xf>
    <xf numFmtId="0" fontId="11" fillId="0" borderId="6" xfId="0" applyFont="1" applyBorder="1" applyAlignment="1">
      <alignment horizontal="left"/>
    </xf>
    <xf numFmtId="0" fontId="11" fillId="0" borderId="9" xfId="0" applyFont="1" applyBorder="1" applyAlignment="1">
      <alignment horizontal="center" vertical="center" wrapText="1"/>
    </xf>
    <xf numFmtId="0" fontId="11" fillId="0" borderId="5" xfId="0" applyFont="1" applyBorder="1" applyAlignment="1">
      <alignment horizontal="left" vertical="center" wrapText="1"/>
    </xf>
    <xf numFmtId="0" fontId="11" fillId="0" borderId="3" xfId="0" applyFont="1" applyBorder="1" applyAlignment="1">
      <alignment horizontal="left" vertical="center" wrapText="1"/>
    </xf>
    <xf numFmtId="0" fontId="11" fillId="0" borderId="6" xfId="0" applyFont="1" applyFill="1" applyBorder="1" applyAlignment="1">
      <alignment horizontal="center"/>
    </xf>
    <xf numFmtId="0" fontId="11" fillId="0" borderId="6" xfId="0" applyFont="1" applyBorder="1" applyAlignment="1">
      <alignment horizontal="center"/>
    </xf>
    <xf numFmtId="9" fontId="11" fillId="0" borderId="6" xfId="1" applyFont="1" applyBorder="1" applyAlignment="1">
      <alignment horizontal="center"/>
    </xf>
    <xf numFmtId="0" fontId="11" fillId="0" borderId="6" xfId="0" applyFont="1" applyBorder="1"/>
    <xf numFmtId="0" fontId="11" fillId="0" borderId="6" xfId="0" applyFont="1" applyFill="1" applyBorder="1" applyAlignment="1">
      <alignment vertical="center"/>
    </xf>
    <xf numFmtId="0" fontId="11" fillId="0" borderId="6" xfId="0" applyNumberFormat="1" applyFon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17" fillId="0" borderId="0" xfId="0" applyFont="1" applyBorder="1" applyAlignment="1">
      <alignment horizontal="center"/>
    </xf>
    <xf numFmtId="0" fontId="12" fillId="0" borderId="0" xfId="0" applyFont="1" applyAlignment="1">
      <alignment horizontal="right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3" fillId="0" borderId="5" xfId="0" applyFont="1" applyBorder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0" fontId="13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6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5" fillId="0" borderId="0" xfId="0" applyFont="1" applyAlignment="1">
      <alignment horizontal="right" vertical="center"/>
    </xf>
    <xf numFmtId="1" fontId="12" fillId="2" borderId="2" xfId="0" applyNumberFormat="1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100"/>
      <c r="U1" s="100"/>
    </row>
    <row r="3" spans="1:21" ht="18.75" x14ac:dyDescent="0.25">
      <c r="A3" s="101" t="s">
        <v>11</v>
      </c>
      <c r="B3" s="101"/>
      <c r="C3" s="101"/>
      <c r="D3" s="101"/>
      <c r="E3" s="101"/>
      <c r="F3" s="101"/>
      <c r="G3" s="101"/>
      <c r="H3" s="101"/>
      <c r="I3" s="101"/>
      <c r="J3" s="101"/>
      <c r="K3" s="101"/>
      <c r="L3" s="102" t="s">
        <v>141</v>
      </c>
      <c r="M3" s="102"/>
      <c r="N3" s="102"/>
      <c r="O3" s="102"/>
      <c r="P3" s="102"/>
      <c r="Q3" s="102"/>
      <c r="R3" s="102"/>
      <c r="S3" s="102"/>
      <c r="T3" s="102"/>
      <c r="U3" s="102"/>
    </row>
    <row r="4" spans="1:21" x14ac:dyDescent="0.25">
      <c r="L4" s="103" t="s">
        <v>5</v>
      </c>
      <c r="M4" s="103"/>
      <c r="N4" s="103"/>
      <c r="O4" s="103"/>
      <c r="P4" s="103"/>
      <c r="Q4" s="103"/>
      <c r="R4" s="103"/>
      <c r="S4" s="103"/>
      <c r="T4" s="103"/>
      <c r="U4" s="103"/>
    </row>
    <row r="5" spans="1:21" ht="18.75" x14ac:dyDescent="0.25">
      <c r="L5" s="102" t="s">
        <v>142</v>
      </c>
      <c r="M5" s="102"/>
      <c r="N5" s="102"/>
      <c r="O5" s="102"/>
      <c r="P5" s="102"/>
      <c r="Q5" s="102"/>
      <c r="R5" s="102"/>
      <c r="S5" s="102"/>
      <c r="T5" s="102"/>
      <c r="U5" s="102"/>
    </row>
    <row r="6" spans="1:21" x14ac:dyDescent="0.25">
      <c r="L6" s="103" t="s">
        <v>143</v>
      </c>
      <c r="M6" s="103"/>
      <c r="N6" s="103"/>
      <c r="O6" s="103"/>
      <c r="P6" s="103"/>
      <c r="Q6" s="103"/>
      <c r="R6" s="103"/>
      <c r="S6" s="103"/>
      <c r="T6" s="103"/>
      <c r="U6" s="103"/>
    </row>
    <row r="8" spans="1:21" ht="15.75" x14ac:dyDescent="0.25">
      <c r="A8" s="104" t="s">
        <v>6</v>
      </c>
      <c r="B8" s="104"/>
      <c r="C8" s="104"/>
      <c r="D8" s="104"/>
      <c r="E8" s="104"/>
      <c r="F8" s="105">
        <v>44463</v>
      </c>
      <c r="G8" s="105"/>
      <c r="H8" s="105"/>
      <c r="I8" s="106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107" t="s">
        <v>1</v>
      </c>
      <c r="B10" s="107"/>
      <c r="C10" s="107"/>
      <c r="D10" s="107"/>
      <c r="E10" s="107"/>
      <c r="F10" s="108" t="s">
        <v>137</v>
      </c>
      <c r="G10" s="108"/>
      <c r="H10" s="108"/>
      <c r="I10" s="108"/>
      <c r="J10" s="108"/>
      <c r="K10" s="108"/>
      <c r="L10" s="108"/>
      <c r="M10" s="108"/>
      <c r="N10" s="108"/>
      <c r="O10" s="108"/>
      <c r="P10" s="108"/>
      <c r="R10" s="99" t="s">
        <v>15</v>
      </c>
      <c r="S10" s="99"/>
      <c r="T10" s="99"/>
      <c r="U10" s="99"/>
    </row>
    <row r="11" spans="1:21" ht="15.75" x14ac:dyDescent="0.25">
      <c r="A11" s="33"/>
      <c r="B11" s="33"/>
      <c r="C11" s="33"/>
      <c r="D11" s="33"/>
      <c r="E11" s="33"/>
      <c r="F11" s="98" t="s">
        <v>140</v>
      </c>
      <c r="G11" s="98"/>
      <c r="H11" s="98"/>
      <c r="I11" s="98"/>
      <c r="J11" s="98"/>
      <c r="K11" s="98"/>
      <c r="L11" s="98"/>
      <c r="M11" s="98"/>
      <c r="N11" s="98"/>
      <c r="O11" s="98"/>
      <c r="P11" s="98"/>
      <c r="R11" s="99" t="s">
        <v>16</v>
      </c>
      <c r="S11" s="99"/>
      <c r="T11" s="99"/>
      <c r="U11" s="99"/>
    </row>
    <row r="12" spans="1:21" ht="15.75" x14ac:dyDescent="0.25">
      <c r="A12" s="33"/>
      <c r="B12" s="33"/>
      <c r="C12" s="33"/>
      <c r="D12" s="33"/>
      <c r="E12" s="33"/>
      <c r="F12" s="98" t="s">
        <v>138</v>
      </c>
      <c r="G12" s="98"/>
      <c r="H12" s="98"/>
      <c r="I12" s="98"/>
      <c r="J12" s="98"/>
      <c r="K12" s="98"/>
      <c r="L12" s="98"/>
      <c r="M12" s="98"/>
      <c r="N12" s="98"/>
      <c r="O12" s="98"/>
      <c r="P12" s="98"/>
      <c r="R12" s="99" t="s">
        <v>16</v>
      </c>
      <c r="S12" s="99"/>
      <c r="T12" s="99"/>
      <c r="U12" s="99"/>
    </row>
    <row r="13" spans="1:21" ht="15.75" x14ac:dyDescent="0.25">
      <c r="A13" s="100" t="s">
        <v>12</v>
      </c>
      <c r="B13" s="100"/>
      <c r="C13" s="100"/>
      <c r="D13" s="100"/>
      <c r="E13" s="32"/>
      <c r="F13" s="110">
        <v>21</v>
      </c>
      <c r="G13" s="110"/>
      <c r="H13" s="110"/>
      <c r="I13" s="110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100" t="s">
        <v>14</v>
      </c>
      <c r="B15" s="100"/>
      <c r="C15" s="100"/>
      <c r="D15" s="100"/>
      <c r="E15" s="32"/>
      <c r="F15" s="110">
        <v>22</v>
      </c>
      <c r="G15" s="110"/>
      <c r="H15" s="110"/>
      <c r="I15" s="110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11" t="s">
        <v>17</v>
      </c>
      <c r="J17" s="112"/>
      <c r="K17" s="112"/>
      <c r="L17" s="112"/>
      <c r="M17" s="112"/>
      <c r="N17" s="112"/>
      <c r="O17" s="112"/>
      <c r="P17" s="112"/>
      <c r="Q17" s="112"/>
      <c r="R17" s="113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14">
        <f>F8</f>
        <v>44463</v>
      </c>
      <c r="K124" s="114"/>
      <c r="L124" s="114"/>
      <c r="M124" s="114"/>
      <c r="N124" s="114"/>
      <c r="O124" s="114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09" t="str">
        <f>F10</f>
        <v>Крупчак Э. В.</v>
      </c>
      <c r="K125" s="109"/>
      <c r="L125" s="109"/>
      <c r="M125" s="109"/>
      <c r="N125" s="109"/>
      <c r="O125" s="109"/>
      <c r="P125" s="109"/>
      <c r="Q125" s="109"/>
      <c r="R125" s="109"/>
      <c r="S125" s="109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115" t="s">
        <v>8</v>
      </c>
      <c r="B127" s="115"/>
      <c r="C127" s="3"/>
      <c r="D127" s="14"/>
      <c r="E127" s="14"/>
      <c r="F127" s="14"/>
      <c r="G127" s="14"/>
      <c r="H127" s="14"/>
      <c r="I127" s="4"/>
      <c r="J127" s="109" t="str">
        <f>F11</f>
        <v>Вихарева О. В., Иван</v>
      </c>
      <c r="K127" s="109"/>
      <c r="L127" s="109"/>
      <c r="M127" s="109"/>
      <c r="N127" s="109"/>
      <c r="O127" s="109"/>
      <c r="P127" s="109"/>
      <c r="Q127" s="109"/>
      <c r="R127" s="109"/>
      <c r="S127" s="109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109" t="str">
        <f>F12</f>
        <v>Гаврилова В. В.</v>
      </c>
      <c r="K129" s="109"/>
      <c r="L129" s="109"/>
      <c r="M129" s="109"/>
      <c r="N129" s="109"/>
      <c r="O129" s="109"/>
      <c r="P129" s="109"/>
      <c r="Q129" s="109"/>
      <c r="R129" s="109"/>
      <c r="S129" s="109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4</v>
      </c>
    </row>
    <row r="3" spans="2:4" x14ac:dyDescent="0.25">
      <c r="B3" t="s">
        <v>112</v>
      </c>
      <c r="D3" t="s">
        <v>145</v>
      </c>
    </row>
    <row r="4" spans="2:4" x14ac:dyDescent="0.25">
      <c r="B4" t="s">
        <v>113</v>
      </c>
      <c r="D4" t="s">
        <v>147</v>
      </c>
    </row>
    <row r="5" spans="2:4" x14ac:dyDescent="0.2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0"/>
  <sheetViews>
    <sheetView tabSelected="1" view="pageBreakPreview" topLeftCell="A13" zoomScaleSheetLayoutView="100" workbookViewId="0">
      <selection activeCell="C35" sqref="C35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29" t="s">
        <v>0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29"/>
      <c r="P1" s="129"/>
      <c r="Q1" s="129"/>
      <c r="R1" s="129"/>
      <c r="S1" s="129"/>
    </row>
    <row r="2" spans="1:19" ht="15.75" x14ac:dyDescent="0.25">
      <c r="A2" s="74"/>
      <c r="B2" s="74"/>
      <c r="C2" s="74"/>
      <c r="D2" s="74"/>
      <c r="E2" s="74"/>
      <c r="F2" s="74"/>
      <c r="G2" s="74"/>
      <c r="H2" s="74"/>
      <c r="I2" s="74"/>
      <c r="J2" s="74"/>
      <c r="K2" s="74"/>
      <c r="L2" s="74"/>
      <c r="M2" s="74"/>
      <c r="N2" s="74"/>
      <c r="O2" s="74"/>
      <c r="P2" s="74"/>
      <c r="Q2" s="74"/>
      <c r="R2" s="74"/>
      <c r="S2" s="74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372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142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21">
        <v>18</v>
      </c>
      <c r="F12" s="121"/>
      <c r="G12" s="121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26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5" spans="1:19" x14ac:dyDescent="0.25">
      <c r="A15" s="73"/>
      <c r="B15" s="71"/>
      <c r="C15" s="71"/>
      <c r="D15" s="71"/>
      <c r="E15" s="76"/>
      <c r="F15" s="76"/>
      <c r="G15" s="71"/>
      <c r="H15" s="71"/>
      <c r="I15" s="71"/>
      <c r="J15" s="71"/>
      <c r="K15" s="71"/>
      <c r="L15" s="71"/>
      <c r="M15" s="71"/>
      <c r="N15" s="71"/>
      <c r="O15" s="71"/>
      <c r="P15" s="71"/>
      <c r="Q15" s="75"/>
      <c r="R15" s="75"/>
      <c r="S15" s="75"/>
    </row>
    <row r="16" spans="1:19" s="35" customFormat="1" ht="45" x14ac:dyDescent="0.25">
      <c r="A16" s="85" t="s">
        <v>2</v>
      </c>
      <c r="B16" s="85" t="s">
        <v>19</v>
      </c>
      <c r="C16" s="85" t="s">
        <v>20</v>
      </c>
      <c r="D16" s="85" t="s">
        <v>21</v>
      </c>
      <c r="E16" s="85" t="s">
        <v>360</v>
      </c>
      <c r="F16" s="85" t="s">
        <v>139</v>
      </c>
      <c r="G16" s="123" t="s">
        <v>17</v>
      </c>
      <c r="H16" s="124"/>
      <c r="I16" s="124"/>
      <c r="J16" s="124"/>
      <c r="K16" s="124"/>
      <c r="L16" s="124"/>
      <c r="M16" s="124"/>
      <c r="N16" s="124"/>
      <c r="O16" s="124"/>
      <c r="P16" s="125"/>
      <c r="Q16" s="85" t="s">
        <v>4</v>
      </c>
      <c r="R16" s="85" t="s">
        <v>10</v>
      </c>
      <c r="S16" s="85" t="s">
        <v>18</v>
      </c>
    </row>
    <row r="17" spans="1:19" x14ac:dyDescent="0.25">
      <c r="A17" s="86"/>
      <c r="B17" s="87"/>
      <c r="C17" s="87"/>
      <c r="D17" s="88"/>
      <c r="E17" s="89"/>
      <c r="F17" s="89"/>
      <c r="G17" s="90">
        <v>1</v>
      </c>
      <c r="H17" s="91">
        <v>2</v>
      </c>
      <c r="I17" s="90">
        <v>3</v>
      </c>
      <c r="J17" s="91">
        <v>4</v>
      </c>
      <c r="K17" s="90">
        <v>5</v>
      </c>
      <c r="L17" s="91">
        <v>6</v>
      </c>
      <c r="M17" s="90">
        <v>7</v>
      </c>
      <c r="N17" s="91">
        <v>8</v>
      </c>
      <c r="O17" s="90">
        <v>9</v>
      </c>
      <c r="P17" s="91">
        <v>10</v>
      </c>
      <c r="Q17" s="92"/>
      <c r="R17" s="93"/>
      <c r="S17" s="86"/>
    </row>
    <row r="18" spans="1:19" x14ac:dyDescent="0.25">
      <c r="A18" s="93">
        <f>ROW(A1)</f>
        <v>1</v>
      </c>
      <c r="B18" s="77" t="s">
        <v>382</v>
      </c>
      <c r="C18" s="96" t="s">
        <v>55</v>
      </c>
      <c r="D18" s="96" t="s">
        <v>28</v>
      </c>
      <c r="E18" s="69" t="s">
        <v>107</v>
      </c>
      <c r="F18" s="69" t="s">
        <v>558</v>
      </c>
      <c r="G18" s="88">
        <v>11.75</v>
      </c>
      <c r="H18" s="97">
        <v>0</v>
      </c>
      <c r="I18" s="88">
        <v>6</v>
      </c>
      <c r="J18" s="88">
        <v>2</v>
      </c>
      <c r="K18" s="88">
        <v>4</v>
      </c>
      <c r="L18" s="88"/>
      <c r="M18" s="88"/>
      <c r="N18" s="88"/>
      <c r="O18" s="88"/>
      <c r="P18" s="88"/>
      <c r="Q18" s="93">
        <f t="shared" ref="Q18:Q33" si="0">SUM(G18:P18)</f>
        <v>23.75</v>
      </c>
      <c r="R18" s="94">
        <f t="shared" ref="R18:R33" si="1">Q18/$E$14</f>
        <v>0.91346153846153844</v>
      </c>
      <c r="S18" s="95" t="s">
        <v>113</v>
      </c>
    </row>
    <row r="19" spans="1:19" x14ac:dyDescent="0.25">
      <c r="A19" s="93">
        <v>2</v>
      </c>
      <c r="B19" s="77" t="s">
        <v>386</v>
      </c>
      <c r="C19" s="96" t="s">
        <v>74</v>
      </c>
      <c r="D19" s="96" t="s">
        <v>28</v>
      </c>
      <c r="E19" s="69" t="s">
        <v>107</v>
      </c>
      <c r="F19" s="69" t="s">
        <v>561</v>
      </c>
      <c r="G19" s="88">
        <v>11.5</v>
      </c>
      <c r="H19" s="88">
        <v>0</v>
      </c>
      <c r="I19" s="88">
        <v>2</v>
      </c>
      <c r="J19" s="88">
        <v>2</v>
      </c>
      <c r="K19" s="88">
        <v>4</v>
      </c>
      <c r="L19" s="88"/>
      <c r="M19" s="88"/>
      <c r="N19" s="88"/>
      <c r="O19" s="88"/>
      <c r="P19" s="88"/>
      <c r="Q19" s="93">
        <f t="shared" si="0"/>
        <v>19.5</v>
      </c>
      <c r="R19" s="94">
        <f t="shared" si="1"/>
        <v>0.75</v>
      </c>
      <c r="S19" s="95" t="s">
        <v>387</v>
      </c>
    </row>
    <row r="20" spans="1:19" x14ac:dyDescent="0.25">
      <c r="A20" s="93">
        <v>3</v>
      </c>
      <c r="B20" s="63" t="s">
        <v>388</v>
      </c>
      <c r="C20" s="65" t="s">
        <v>389</v>
      </c>
      <c r="D20" s="66" t="s">
        <v>62</v>
      </c>
      <c r="E20" s="61" t="s">
        <v>109</v>
      </c>
      <c r="F20" s="69" t="s">
        <v>564</v>
      </c>
      <c r="G20" s="19">
        <v>7.75</v>
      </c>
      <c r="H20" s="19">
        <v>0</v>
      </c>
      <c r="I20" s="19">
        <v>6</v>
      </c>
      <c r="J20" s="19">
        <v>2</v>
      </c>
      <c r="K20" s="19">
        <v>2</v>
      </c>
      <c r="L20" s="19"/>
      <c r="M20" s="19"/>
      <c r="N20" s="19"/>
      <c r="O20" s="19"/>
      <c r="P20" s="19"/>
      <c r="Q20" s="21">
        <f t="shared" si="0"/>
        <v>17.75</v>
      </c>
      <c r="R20" s="8">
        <f t="shared" si="1"/>
        <v>0.68269230769230771</v>
      </c>
      <c r="S20" s="30" t="s">
        <v>387</v>
      </c>
    </row>
    <row r="21" spans="1:19" x14ac:dyDescent="0.25">
      <c r="A21" s="93">
        <v>4</v>
      </c>
      <c r="B21" s="63" t="s">
        <v>98</v>
      </c>
      <c r="C21" s="65" t="s">
        <v>44</v>
      </c>
      <c r="D21" s="65" t="s">
        <v>395</v>
      </c>
      <c r="E21" s="62" t="s">
        <v>130</v>
      </c>
      <c r="F21" s="69" t="s">
        <v>562</v>
      </c>
      <c r="G21" s="79">
        <v>10.5</v>
      </c>
      <c r="H21" s="19">
        <v>0</v>
      </c>
      <c r="I21" s="19">
        <v>2</v>
      </c>
      <c r="J21" s="19">
        <v>2</v>
      </c>
      <c r="K21" s="19">
        <v>3</v>
      </c>
      <c r="L21" s="19"/>
      <c r="M21" s="19"/>
      <c r="N21" s="19"/>
      <c r="O21" s="19"/>
      <c r="P21" s="19"/>
      <c r="Q21" s="21">
        <f t="shared" si="0"/>
        <v>17.5</v>
      </c>
      <c r="R21" s="8">
        <f t="shared" si="1"/>
        <v>0.67307692307692313</v>
      </c>
      <c r="S21" s="30" t="s">
        <v>387</v>
      </c>
    </row>
    <row r="22" spans="1:19" x14ac:dyDescent="0.25">
      <c r="A22" s="93">
        <f>ROW(A5)</f>
        <v>5</v>
      </c>
      <c r="B22" s="63" t="s">
        <v>390</v>
      </c>
      <c r="C22" s="65" t="s">
        <v>73</v>
      </c>
      <c r="D22" s="65" t="s">
        <v>396</v>
      </c>
      <c r="E22" s="62" t="s">
        <v>130</v>
      </c>
      <c r="F22" s="69" t="s">
        <v>565</v>
      </c>
      <c r="G22" s="19">
        <v>10.75</v>
      </c>
      <c r="H22" s="19">
        <v>0</v>
      </c>
      <c r="I22" s="19">
        <v>2</v>
      </c>
      <c r="J22" s="19">
        <v>0</v>
      </c>
      <c r="K22" s="19">
        <v>3</v>
      </c>
      <c r="L22" s="19"/>
      <c r="M22" s="19"/>
      <c r="N22" s="19"/>
      <c r="O22" s="19"/>
      <c r="P22" s="19"/>
      <c r="Q22" s="21">
        <f t="shared" si="0"/>
        <v>15.75</v>
      </c>
      <c r="R22" s="8">
        <f t="shared" si="1"/>
        <v>0.60576923076923073</v>
      </c>
      <c r="S22" s="30" t="s">
        <v>387</v>
      </c>
    </row>
    <row r="23" spans="1:19" x14ac:dyDescent="0.25">
      <c r="A23" s="93">
        <f>ROW(A6)</f>
        <v>6</v>
      </c>
      <c r="B23" s="77" t="s">
        <v>378</v>
      </c>
      <c r="C23" s="96" t="s">
        <v>381</v>
      </c>
      <c r="D23" s="96" t="s">
        <v>94</v>
      </c>
      <c r="E23" s="69" t="s">
        <v>130</v>
      </c>
      <c r="F23" s="69" t="s">
        <v>557</v>
      </c>
      <c r="G23" s="88">
        <v>10</v>
      </c>
      <c r="H23" s="88">
        <v>0</v>
      </c>
      <c r="I23" s="88">
        <v>0</v>
      </c>
      <c r="J23" s="88">
        <v>2</v>
      </c>
      <c r="K23" s="88">
        <v>3</v>
      </c>
      <c r="L23" s="88"/>
      <c r="M23" s="88"/>
      <c r="N23" s="88"/>
      <c r="O23" s="88"/>
      <c r="P23" s="88"/>
      <c r="Q23" s="93">
        <f t="shared" si="0"/>
        <v>15</v>
      </c>
      <c r="R23" s="94">
        <f t="shared" si="1"/>
        <v>0.57692307692307687</v>
      </c>
      <c r="S23" s="95" t="s">
        <v>114</v>
      </c>
    </row>
    <row r="24" spans="1:19" x14ac:dyDescent="0.25">
      <c r="A24" s="93">
        <f t="shared" ref="A24:A33" si="2">ROW(A9)</f>
        <v>9</v>
      </c>
      <c r="B24" s="77" t="s">
        <v>567</v>
      </c>
      <c r="C24" s="96" t="s">
        <v>43</v>
      </c>
      <c r="D24" s="96" t="s">
        <v>31</v>
      </c>
      <c r="E24" s="69" t="s">
        <v>109</v>
      </c>
      <c r="F24" s="69" t="s">
        <v>551</v>
      </c>
      <c r="G24" s="88">
        <v>9.75</v>
      </c>
      <c r="H24" s="88">
        <v>0</v>
      </c>
      <c r="I24" s="88">
        <v>0</v>
      </c>
      <c r="J24" s="88">
        <v>2</v>
      </c>
      <c r="K24" s="88">
        <v>3</v>
      </c>
      <c r="L24" s="88"/>
      <c r="M24" s="88"/>
      <c r="N24" s="88"/>
      <c r="O24" s="88"/>
      <c r="P24" s="88"/>
      <c r="Q24" s="93">
        <f t="shared" si="0"/>
        <v>14.75</v>
      </c>
      <c r="R24" s="94">
        <f t="shared" si="1"/>
        <v>0.56730769230769229</v>
      </c>
      <c r="S24" s="95" t="s">
        <v>114</v>
      </c>
    </row>
    <row r="25" spans="1:19" x14ac:dyDescent="0.25">
      <c r="A25" s="93">
        <f t="shared" si="2"/>
        <v>10</v>
      </c>
      <c r="B25" s="77" t="s">
        <v>384</v>
      </c>
      <c r="C25" s="96" t="s">
        <v>385</v>
      </c>
      <c r="D25" s="96" t="s">
        <v>23</v>
      </c>
      <c r="E25" s="69" t="s">
        <v>130</v>
      </c>
      <c r="F25" s="69" t="s">
        <v>560</v>
      </c>
      <c r="G25" s="88">
        <v>7.75</v>
      </c>
      <c r="H25" s="97">
        <v>0</v>
      </c>
      <c r="I25" s="88">
        <v>6</v>
      </c>
      <c r="J25" s="88">
        <v>0</v>
      </c>
      <c r="K25" s="88">
        <v>0</v>
      </c>
      <c r="L25" s="88"/>
      <c r="M25" s="88"/>
      <c r="N25" s="88"/>
      <c r="O25" s="88"/>
      <c r="P25" s="88"/>
      <c r="Q25" s="93">
        <f t="shared" si="0"/>
        <v>13.75</v>
      </c>
      <c r="R25" s="94">
        <f t="shared" si="1"/>
        <v>0.52884615384615385</v>
      </c>
      <c r="S25" s="95" t="s">
        <v>114</v>
      </c>
    </row>
    <row r="26" spans="1:19" x14ac:dyDescent="0.25">
      <c r="A26" s="93">
        <f t="shared" si="2"/>
        <v>11</v>
      </c>
      <c r="B26" s="63" t="s">
        <v>391</v>
      </c>
      <c r="C26" s="65" t="s">
        <v>39</v>
      </c>
      <c r="D26" s="65" t="s">
        <v>31</v>
      </c>
      <c r="E26" s="61" t="s">
        <v>130</v>
      </c>
      <c r="F26" s="69" t="s">
        <v>563</v>
      </c>
      <c r="G26" s="19">
        <v>7</v>
      </c>
      <c r="H26" s="19">
        <v>0</v>
      </c>
      <c r="I26" s="19">
        <v>2</v>
      </c>
      <c r="J26" s="19">
        <v>0</v>
      </c>
      <c r="K26" s="19">
        <v>4</v>
      </c>
      <c r="L26" s="19"/>
      <c r="M26" s="19"/>
      <c r="N26" s="19"/>
      <c r="O26" s="19"/>
      <c r="P26" s="19"/>
      <c r="Q26" s="21">
        <f t="shared" si="0"/>
        <v>13</v>
      </c>
      <c r="R26" s="8">
        <f t="shared" si="1"/>
        <v>0.5</v>
      </c>
      <c r="S26" s="95" t="s">
        <v>114</v>
      </c>
    </row>
    <row r="27" spans="1:19" x14ac:dyDescent="0.25">
      <c r="A27" s="93">
        <f t="shared" si="2"/>
        <v>12</v>
      </c>
      <c r="B27" s="77" t="s">
        <v>373</v>
      </c>
      <c r="C27" s="96" t="s">
        <v>374</v>
      </c>
      <c r="D27" s="96" t="s">
        <v>33</v>
      </c>
      <c r="E27" s="69" t="s">
        <v>109</v>
      </c>
      <c r="F27" s="69" t="s">
        <v>552</v>
      </c>
      <c r="G27" s="88">
        <v>5.75</v>
      </c>
      <c r="H27" s="88">
        <v>0</v>
      </c>
      <c r="I27" s="88">
        <v>6</v>
      </c>
      <c r="J27" s="88">
        <v>0</v>
      </c>
      <c r="K27" s="88">
        <v>0</v>
      </c>
      <c r="L27" s="88"/>
      <c r="M27" s="88"/>
      <c r="N27" s="88"/>
      <c r="O27" s="88"/>
      <c r="P27" s="88"/>
      <c r="Q27" s="93">
        <f t="shared" si="0"/>
        <v>11.75</v>
      </c>
      <c r="R27" s="94">
        <f t="shared" si="1"/>
        <v>0.45192307692307693</v>
      </c>
      <c r="S27" s="95" t="s">
        <v>114</v>
      </c>
    </row>
    <row r="28" spans="1:19" x14ac:dyDescent="0.25">
      <c r="A28" s="21">
        <f t="shared" si="2"/>
        <v>13</v>
      </c>
      <c r="B28" s="77" t="s">
        <v>378</v>
      </c>
      <c r="C28" s="96" t="s">
        <v>379</v>
      </c>
      <c r="D28" s="96" t="s">
        <v>380</v>
      </c>
      <c r="E28" s="69" t="s">
        <v>109</v>
      </c>
      <c r="F28" s="69" t="s">
        <v>556</v>
      </c>
      <c r="G28" s="88">
        <v>9</v>
      </c>
      <c r="H28" s="88">
        <v>0</v>
      </c>
      <c r="I28" s="88">
        <v>0</v>
      </c>
      <c r="J28" s="88">
        <v>0</v>
      </c>
      <c r="K28" s="88">
        <v>2</v>
      </c>
      <c r="L28" s="88"/>
      <c r="M28" s="88"/>
      <c r="N28" s="88"/>
      <c r="O28" s="88"/>
      <c r="P28" s="88"/>
      <c r="Q28" s="93">
        <f t="shared" si="0"/>
        <v>11</v>
      </c>
      <c r="R28" s="94">
        <f t="shared" si="1"/>
        <v>0.42307692307692307</v>
      </c>
      <c r="S28" s="95" t="s">
        <v>114</v>
      </c>
    </row>
    <row r="29" spans="1:19" x14ac:dyDescent="0.25">
      <c r="A29" s="21">
        <f t="shared" si="2"/>
        <v>14</v>
      </c>
      <c r="B29" s="77" t="s">
        <v>377</v>
      </c>
      <c r="C29" s="96" t="s">
        <v>376</v>
      </c>
      <c r="D29" s="96" t="s">
        <v>58</v>
      </c>
      <c r="E29" s="80" t="s">
        <v>130</v>
      </c>
      <c r="F29" s="69" t="s">
        <v>554</v>
      </c>
      <c r="G29" s="88">
        <v>8.75</v>
      </c>
      <c r="H29" s="88">
        <v>0</v>
      </c>
      <c r="I29" s="88">
        <v>0</v>
      </c>
      <c r="J29" s="88">
        <v>2</v>
      </c>
      <c r="K29" s="88">
        <v>0</v>
      </c>
      <c r="L29" s="88"/>
      <c r="M29" s="88"/>
      <c r="N29" s="88"/>
      <c r="O29" s="88"/>
      <c r="P29" s="88"/>
      <c r="Q29" s="93">
        <f t="shared" si="0"/>
        <v>10.75</v>
      </c>
      <c r="R29" s="94">
        <f t="shared" si="1"/>
        <v>0.41346153846153844</v>
      </c>
      <c r="S29" s="95" t="s">
        <v>114</v>
      </c>
    </row>
    <row r="30" spans="1:19" x14ac:dyDescent="0.25">
      <c r="A30" s="21">
        <f t="shared" si="2"/>
        <v>15</v>
      </c>
      <c r="B30" s="77" t="s">
        <v>383</v>
      </c>
      <c r="C30" s="96" t="s">
        <v>54</v>
      </c>
      <c r="D30" s="96" t="s">
        <v>35</v>
      </c>
      <c r="E30" s="69" t="s">
        <v>130</v>
      </c>
      <c r="F30" s="69" t="s">
        <v>559</v>
      </c>
      <c r="G30" s="88">
        <v>7.5</v>
      </c>
      <c r="H30" s="97">
        <v>0</v>
      </c>
      <c r="I30" s="88">
        <v>0</v>
      </c>
      <c r="J30" s="88">
        <v>0</v>
      </c>
      <c r="K30" s="88">
        <v>3</v>
      </c>
      <c r="L30" s="88"/>
      <c r="M30" s="88"/>
      <c r="N30" s="88"/>
      <c r="O30" s="88"/>
      <c r="P30" s="88"/>
      <c r="Q30" s="93">
        <f t="shared" si="0"/>
        <v>10.5</v>
      </c>
      <c r="R30" s="94">
        <f t="shared" si="1"/>
        <v>0.40384615384615385</v>
      </c>
      <c r="S30" s="95" t="s">
        <v>114</v>
      </c>
    </row>
    <row r="31" spans="1:19" x14ac:dyDescent="0.25">
      <c r="A31" s="21">
        <f t="shared" si="2"/>
        <v>16</v>
      </c>
      <c r="B31" s="77" t="s">
        <v>375</v>
      </c>
      <c r="C31" s="96" t="s">
        <v>376</v>
      </c>
      <c r="D31" s="96" t="s">
        <v>33</v>
      </c>
      <c r="E31" s="69" t="s">
        <v>130</v>
      </c>
      <c r="F31" s="69" t="s">
        <v>553</v>
      </c>
      <c r="G31" s="88">
        <v>10</v>
      </c>
      <c r="H31" s="88">
        <v>0</v>
      </c>
      <c r="I31" s="88">
        <v>0</v>
      </c>
      <c r="J31" s="88">
        <v>0</v>
      </c>
      <c r="K31" s="88">
        <v>0</v>
      </c>
      <c r="L31" s="88"/>
      <c r="M31" s="88"/>
      <c r="N31" s="88"/>
      <c r="O31" s="88"/>
      <c r="P31" s="88"/>
      <c r="Q31" s="93">
        <f t="shared" si="0"/>
        <v>10</v>
      </c>
      <c r="R31" s="94">
        <f t="shared" si="1"/>
        <v>0.38461538461538464</v>
      </c>
      <c r="S31" s="95" t="s">
        <v>114</v>
      </c>
    </row>
    <row r="32" spans="1:19" x14ac:dyDescent="0.25">
      <c r="A32" s="21">
        <f t="shared" si="2"/>
        <v>17</v>
      </c>
      <c r="B32" s="65" t="s">
        <v>394</v>
      </c>
      <c r="C32" s="65" t="s">
        <v>89</v>
      </c>
      <c r="D32" s="66" t="s">
        <v>521</v>
      </c>
      <c r="E32" s="61" t="s">
        <v>130</v>
      </c>
      <c r="F32" s="69" t="s">
        <v>555</v>
      </c>
      <c r="G32" s="19">
        <v>7.25</v>
      </c>
      <c r="H32" s="19">
        <v>0</v>
      </c>
      <c r="I32" s="19">
        <v>0</v>
      </c>
      <c r="J32" s="19">
        <v>0</v>
      </c>
      <c r="K32" s="19">
        <v>2</v>
      </c>
      <c r="L32" s="19"/>
      <c r="M32" s="19"/>
      <c r="N32" s="19"/>
      <c r="O32" s="19"/>
      <c r="P32" s="19"/>
      <c r="Q32" s="21">
        <f t="shared" si="0"/>
        <v>9.25</v>
      </c>
      <c r="R32" s="8">
        <f t="shared" si="1"/>
        <v>0.35576923076923078</v>
      </c>
      <c r="S32" s="95" t="s">
        <v>114</v>
      </c>
    </row>
    <row r="33" spans="1:19" x14ac:dyDescent="0.25">
      <c r="A33" s="21">
        <f t="shared" si="2"/>
        <v>18</v>
      </c>
      <c r="B33" s="65" t="s">
        <v>392</v>
      </c>
      <c r="C33" s="65" t="s">
        <v>393</v>
      </c>
      <c r="D33" s="66" t="s">
        <v>36</v>
      </c>
      <c r="E33" s="61" t="s">
        <v>130</v>
      </c>
      <c r="F33" s="69" t="s">
        <v>566</v>
      </c>
      <c r="G33" s="19">
        <v>6.75</v>
      </c>
      <c r="H33" s="19">
        <v>0</v>
      </c>
      <c r="I33" s="19">
        <v>0</v>
      </c>
      <c r="J33" s="19">
        <v>0</v>
      </c>
      <c r="K33" s="19">
        <v>1</v>
      </c>
      <c r="L33" s="19"/>
      <c r="M33" s="19"/>
      <c r="N33" s="19"/>
      <c r="O33" s="19"/>
      <c r="P33" s="19"/>
      <c r="Q33" s="21">
        <f t="shared" si="0"/>
        <v>7.75</v>
      </c>
      <c r="R33" s="8">
        <f t="shared" si="1"/>
        <v>0.29807692307692307</v>
      </c>
      <c r="S33" s="95" t="s">
        <v>114</v>
      </c>
    </row>
    <row r="34" spans="1:19" ht="19.899999999999999" customHeight="1" x14ac:dyDescent="0.25">
      <c r="A34" s="56"/>
      <c r="B34" s="17"/>
      <c r="C34" s="17"/>
      <c r="D34" s="17"/>
      <c r="E34" s="11"/>
      <c r="F34" s="11"/>
      <c r="G34" s="17"/>
      <c r="H34" s="17"/>
      <c r="I34" s="17"/>
      <c r="J34" s="17"/>
      <c r="K34" s="17"/>
      <c r="L34" s="17"/>
      <c r="M34" s="17"/>
      <c r="N34" s="17"/>
      <c r="O34" s="17"/>
      <c r="P34" s="17"/>
      <c r="Q34" s="56"/>
      <c r="R34" s="7"/>
      <c r="S34" s="5"/>
    </row>
    <row r="35" spans="1:19" ht="20.25" customHeight="1" x14ac:dyDescent="0.25">
      <c r="A35" s="33"/>
      <c r="B35" s="33"/>
      <c r="C35" s="33"/>
      <c r="D35" s="11"/>
      <c r="E35" s="11"/>
      <c r="F35" s="11"/>
      <c r="G35" s="17"/>
      <c r="H35" s="60"/>
      <c r="I35" s="60"/>
      <c r="J35" s="60"/>
      <c r="K35" s="60"/>
      <c r="L35" s="60"/>
      <c r="M35" s="60"/>
      <c r="N35" s="60"/>
      <c r="O35" s="60"/>
      <c r="P35" s="60"/>
      <c r="Q35" s="60"/>
    </row>
    <row r="36" spans="1:19" ht="15.75" x14ac:dyDescent="0.25">
      <c r="A36" s="3" t="s">
        <v>366</v>
      </c>
      <c r="B36" s="44"/>
      <c r="C36" s="52"/>
      <c r="D36" s="126" t="s">
        <v>490</v>
      </c>
      <c r="E36" s="126"/>
      <c r="F36" s="54"/>
      <c r="G36" s="17"/>
      <c r="H36" s="50"/>
      <c r="I36" s="50"/>
      <c r="J36" s="50"/>
      <c r="K36" s="50"/>
      <c r="L36" s="50"/>
      <c r="M36" s="50"/>
      <c r="N36" s="50"/>
      <c r="O36" s="50"/>
      <c r="P36" s="50"/>
      <c r="Q36" s="60"/>
    </row>
    <row r="37" spans="1:19" ht="19.899999999999999" customHeight="1" x14ac:dyDescent="0.25">
      <c r="A37" s="2"/>
      <c r="B37" s="2"/>
      <c r="C37" s="59" t="s">
        <v>367</v>
      </c>
      <c r="D37" s="116" t="s">
        <v>359</v>
      </c>
      <c r="E37" s="116"/>
      <c r="F37" s="116"/>
      <c r="G37" s="17"/>
      <c r="H37" s="127"/>
      <c r="I37" s="127"/>
      <c r="J37" s="127"/>
      <c r="K37" s="127"/>
      <c r="L37" s="127"/>
      <c r="M37" s="127"/>
      <c r="N37" s="127"/>
      <c r="O37" s="127"/>
      <c r="P37" s="127"/>
      <c r="Q37" s="127"/>
    </row>
    <row r="38" spans="1:19" ht="19.899999999999999" customHeight="1" x14ac:dyDescent="0.25">
      <c r="A38" s="3" t="s">
        <v>368</v>
      </c>
      <c r="B38" s="44"/>
      <c r="C38" s="52"/>
      <c r="D38" s="126" t="s">
        <v>491</v>
      </c>
      <c r="E38" s="126"/>
      <c r="F38" s="55"/>
      <c r="G38" s="17"/>
      <c r="H38" s="50"/>
      <c r="I38" s="50"/>
      <c r="J38" s="50"/>
      <c r="K38" s="50"/>
      <c r="L38" s="50"/>
      <c r="M38" s="50"/>
      <c r="N38" s="50"/>
      <c r="O38" s="50"/>
      <c r="P38" s="50"/>
      <c r="Q38" s="60"/>
    </row>
    <row r="39" spans="1:19" ht="19.899999999999999" customHeight="1" x14ac:dyDescent="0.25">
      <c r="A39" s="44"/>
      <c r="B39" s="44"/>
      <c r="C39" s="59" t="s">
        <v>367</v>
      </c>
      <c r="D39" s="116" t="s">
        <v>359</v>
      </c>
      <c r="E39" s="116"/>
      <c r="F39" s="116"/>
      <c r="G39" s="17"/>
      <c r="H39" s="60"/>
      <c r="I39" s="60"/>
      <c r="J39" s="60"/>
      <c r="K39" s="60"/>
      <c r="L39" s="60"/>
      <c r="M39" s="60"/>
      <c r="N39" s="60"/>
      <c r="O39" s="60"/>
      <c r="P39" s="60"/>
      <c r="Q39" s="60"/>
    </row>
    <row r="40" spans="1:19" ht="19.899999999999999" customHeight="1" x14ac:dyDescent="0.25"/>
  </sheetData>
  <autoFilter ref="A17:S17">
    <sortState ref="A18:W94">
      <sortCondition descending="1" ref="R17"/>
    </sortState>
  </autoFilter>
  <sortState ref="B18:S33">
    <sortCondition descending="1" ref="R18:R33"/>
  </sortState>
  <mergeCells count="19">
    <mergeCell ref="J7:S7"/>
    <mergeCell ref="A1:S1"/>
    <mergeCell ref="A3:S3"/>
    <mergeCell ref="A5:I5"/>
    <mergeCell ref="J5:S5"/>
    <mergeCell ref="J6:S6"/>
    <mergeCell ref="D39:F39"/>
    <mergeCell ref="J8:S8"/>
    <mergeCell ref="A10:D10"/>
    <mergeCell ref="E10:G10"/>
    <mergeCell ref="A12:D12"/>
    <mergeCell ref="E12:G12"/>
    <mergeCell ref="A14:D14"/>
    <mergeCell ref="E14:G14"/>
    <mergeCell ref="G16:P16"/>
    <mergeCell ref="D36:E36"/>
    <mergeCell ref="D37:F37"/>
    <mergeCell ref="H37:Q37"/>
    <mergeCell ref="D38:E38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3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0"/>
  <sheetViews>
    <sheetView view="pageBreakPreview" topLeftCell="A7" zoomScaleSheetLayoutView="100" workbookViewId="0">
      <selection activeCell="E12" sqref="E12:G12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29" t="s">
        <v>397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372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58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21">
        <v>6</v>
      </c>
      <c r="F12" s="121"/>
      <c r="G12" s="121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29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5" spans="1:19" x14ac:dyDescent="0.25">
      <c r="A15" s="73"/>
      <c r="B15" s="71"/>
      <c r="C15" s="71"/>
      <c r="D15" s="71"/>
      <c r="E15" s="76"/>
      <c r="F15" s="76"/>
      <c r="G15" s="71"/>
      <c r="H15" s="71"/>
      <c r="I15" s="71"/>
      <c r="J15" s="71"/>
      <c r="K15" s="71"/>
      <c r="L15" s="71"/>
      <c r="M15" s="71"/>
      <c r="N15" s="71"/>
      <c r="O15" s="71"/>
      <c r="P15" s="71"/>
      <c r="Q15" s="75"/>
      <c r="R15" s="75"/>
      <c r="S15" s="75"/>
    </row>
    <row r="16" spans="1:19" s="35" customFormat="1" ht="45" x14ac:dyDescent="0.25">
      <c r="A16" s="85" t="s">
        <v>2</v>
      </c>
      <c r="B16" s="85" t="s">
        <v>19</v>
      </c>
      <c r="C16" s="85" t="s">
        <v>20</v>
      </c>
      <c r="D16" s="85" t="s">
        <v>21</v>
      </c>
      <c r="E16" s="85" t="s">
        <v>360</v>
      </c>
      <c r="F16" s="85" t="s">
        <v>139</v>
      </c>
      <c r="G16" s="123" t="s">
        <v>17</v>
      </c>
      <c r="H16" s="124"/>
      <c r="I16" s="124"/>
      <c r="J16" s="124"/>
      <c r="K16" s="124"/>
      <c r="L16" s="124"/>
      <c r="M16" s="124"/>
      <c r="N16" s="124"/>
      <c r="O16" s="124"/>
      <c r="P16" s="125"/>
      <c r="Q16" s="85" t="s">
        <v>4</v>
      </c>
      <c r="R16" s="85" t="s">
        <v>10</v>
      </c>
      <c r="S16" s="85" t="s">
        <v>18</v>
      </c>
    </row>
    <row r="17" spans="1:19" x14ac:dyDescent="0.25">
      <c r="A17" s="86"/>
      <c r="B17" s="87"/>
      <c r="C17" s="87"/>
      <c r="D17" s="88"/>
      <c r="E17" s="89"/>
      <c r="F17" s="89"/>
      <c r="G17" s="90">
        <v>1</v>
      </c>
      <c r="H17" s="91">
        <v>2</v>
      </c>
      <c r="I17" s="90">
        <v>3</v>
      </c>
      <c r="J17" s="91">
        <v>4</v>
      </c>
      <c r="K17" s="90">
        <v>5</v>
      </c>
      <c r="L17" s="91">
        <v>6</v>
      </c>
      <c r="M17" s="90">
        <v>7</v>
      </c>
      <c r="N17" s="91">
        <v>8</v>
      </c>
      <c r="O17" s="90">
        <v>9</v>
      </c>
      <c r="P17" s="91">
        <v>10</v>
      </c>
      <c r="Q17" s="92"/>
      <c r="R17" s="93"/>
      <c r="S17" s="86"/>
    </row>
    <row r="18" spans="1:19" x14ac:dyDescent="0.25">
      <c r="A18" s="93">
        <f>ROW(A1)</f>
        <v>1</v>
      </c>
      <c r="B18" s="77" t="s">
        <v>407</v>
      </c>
      <c r="C18" s="77" t="s">
        <v>393</v>
      </c>
      <c r="D18" s="77" t="s">
        <v>408</v>
      </c>
      <c r="E18" s="69" t="s">
        <v>406</v>
      </c>
      <c r="F18" s="69" t="s">
        <v>549</v>
      </c>
      <c r="G18" s="88">
        <v>6.8</v>
      </c>
      <c r="H18" s="88">
        <v>0</v>
      </c>
      <c r="I18" s="88">
        <v>4</v>
      </c>
      <c r="J18" s="88">
        <v>3</v>
      </c>
      <c r="K18" s="88"/>
      <c r="L18" s="88"/>
      <c r="M18" s="88"/>
      <c r="N18" s="88"/>
      <c r="O18" s="88"/>
      <c r="P18" s="88"/>
      <c r="Q18" s="93">
        <f t="shared" ref="Q18:Q23" si="0">SUM(G18:P18)</f>
        <v>13.8</v>
      </c>
      <c r="R18" s="94">
        <f t="shared" ref="R18:R23" si="1">Q18/$E$14</f>
        <v>0.47586206896551725</v>
      </c>
      <c r="S18" s="95" t="s">
        <v>113</v>
      </c>
    </row>
    <row r="19" spans="1:19" x14ac:dyDescent="0.25">
      <c r="A19" s="93">
        <v>2</v>
      </c>
      <c r="B19" s="77" t="s">
        <v>398</v>
      </c>
      <c r="C19" s="77" t="s">
        <v>73</v>
      </c>
      <c r="D19" s="77" t="s">
        <v>72</v>
      </c>
      <c r="E19" s="69" t="s">
        <v>399</v>
      </c>
      <c r="F19" s="69" t="s">
        <v>545</v>
      </c>
      <c r="G19" s="88">
        <v>7.8</v>
      </c>
      <c r="H19" s="88">
        <v>0</v>
      </c>
      <c r="I19" s="88">
        <v>4</v>
      </c>
      <c r="J19" s="88">
        <v>0</v>
      </c>
      <c r="K19" s="88"/>
      <c r="L19" s="88"/>
      <c r="M19" s="88"/>
      <c r="N19" s="88"/>
      <c r="O19" s="88"/>
      <c r="P19" s="88"/>
      <c r="Q19" s="93">
        <f t="shared" si="0"/>
        <v>11.8</v>
      </c>
      <c r="R19" s="94">
        <f t="shared" si="1"/>
        <v>0.40689655172413797</v>
      </c>
      <c r="S19" s="95" t="s">
        <v>114</v>
      </c>
    </row>
    <row r="20" spans="1:19" x14ac:dyDescent="0.25">
      <c r="A20" s="93">
        <v>3</v>
      </c>
      <c r="B20" s="77" t="s">
        <v>409</v>
      </c>
      <c r="C20" s="77" t="s">
        <v>92</v>
      </c>
      <c r="D20" s="77" t="s">
        <v>396</v>
      </c>
      <c r="E20" s="69" t="s">
        <v>406</v>
      </c>
      <c r="F20" s="69" t="s">
        <v>550</v>
      </c>
      <c r="G20" s="88">
        <v>4.8</v>
      </c>
      <c r="H20" s="88">
        <v>0</v>
      </c>
      <c r="I20" s="88">
        <v>4</v>
      </c>
      <c r="J20" s="88">
        <v>3</v>
      </c>
      <c r="K20" s="88"/>
      <c r="L20" s="88"/>
      <c r="M20" s="88"/>
      <c r="N20" s="88"/>
      <c r="O20" s="88"/>
      <c r="P20" s="88"/>
      <c r="Q20" s="93">
        <f t="shared" si="0"/>
        <v>11.8</v>
      </c>
      <c r="R20" s="94">
        <f t="shared" si="1"/>
        <v>0.40689655172413797</v>
      </c>
      <c r="S20" s="95" t="s">
        <v>114</v>
      </c>
    </row>
    <row r="21" spans="1:19" x14ac:dyDescent="0.25">
      <c r="A21" s="93">
        <v>4</v>
      </c>
      <c r="B21" s="77" t="s">
        <v>402</v>
      </c>
      <c r="C21" s="77" t="s">
        <v>403</v>
      </c>
      <c r="D21" s="77" t="s">
        <v>404</v>
      </c>
      <c r="E21" s="81" t="s">
        <v>399</v>
      </c>
      <c r="F21" s="69" t="s">
        <v>547</v>
      </c>
      <c r="G21" s="88">
        <v>6.2</v>
      </c>
      <c r="H21" s="88">
        <v>0</v>
      </c>
      <c r="I21" s="88">
        <v>0</v>
      </c>
      <c r="J21" s="88">
        <v>0</v>
      </c>
      <c r="K21" s="88"/>
      <c r="L21" s="88"/>
      <c r="M21" s="88"/>
      <c r="N21" s="88"/>
      <c r="O21" s="88"/>
      <c r="P21" s="88"/>
      <c r="Q21" s="93">
        <f t="shared" si="0"/>
        <v>6.2</v>
      </c>
      <c r="R21" s="94">
        <f t="shared" si="1"/>
        <v>0.21379310344827587</v>
      </c>
      <c r="S21" s="95" t="s">
        <v>114</v>
      </c>
    </row>
    <row r="22" spans="1:19" x14ac:dyDescent="0.25">
      <c r="A22" s="93">
        <f>ROW(A5)</f>
        <v>5</v>
      </c>
      <c r="B22" s="77" t="s">
        <v>405</v>
      </c>
      <c r="C22" s="77" t="s">
        <v>88</v>
      </c>
      <c r="D22" s="77" t="s">
        <v>404</v>
      </c>
      <c r="E22" s="78" t="s">
        <v>406</v>
      </c>
      <c r="F22" s="69" t="s">
        <v>548</v>
      </c>
      <c r="G22" s="88">
        <v>4.4000000000000004</v>
      </c>
      <c r="H22" s="88">
        <v>0</v>
      </c>
      <c r="I22" s="88">
        <v>0</v>
      </c>
      <c r="J22" s="88">
        <v>0</v>
      </c>
      <c r="K22" s="88"/>
      <c r="L22" s="88"/>
      <c r="M22" s="88"/>
      <c r="N22" s="88"/>
      <c r="O22" s="88"/>
      <c r="P22" s="88"/>
      <c r="Q22" s="93">
        <f t="shared" si="0"/>
        <v>4.4000000000000004</v>
      </c>
      <c r="R22" s="94">
        <f t="shared" si="1"/>
        <v>0.15172413793103451</v>
      </c>
      <c r="S22" s="95" t="s">
        <v>114</v>
      </c>
    </row>
    <row r="23" spans="1:19" x14ac:dyDescent="0.25">
      <c r="A23" s="93">
        <f>ROW(A6)</f>
        <v>6</v>
      </c>
      <c r="B23" s="77" t="s">
        <v>400</v>
      </c>
      <c r="C23" s="77" t="s">
        <v>401</v>
      </c>
      <c r="D23" s="77" t="s">
        <v>56</v>
      </c>
      <c r="E23" s="69" t="s">
        <v>399</v>
      </c>
      <c r="F23" s="69" t="s">
        <v>546</v>
      </c>
      <c r="G23" s="88">
        <v>2.9</v>
      </c>
      <c r="H23" s="88">
        <v>0</v>
      </c>
      <c r="I23" s="88">
        <v>0</v>
      </c>
      <c r="J23" s="88">
        <v>0</v>
      </c>
      <c r="K23" s="88"/>
      <c r="L23" s="88"/>
      <c r="M23" s="88"/>
      <c r="N23" s="88"/>
      <c r="O23" s="88"/>
      <c r="P23" s="88"/>
      <c r="Q23" s="93">
        <f t="shared" si="0"/>
        <v>2.9</v>
      </c>
      <c r="R23" s="94">
        <f t="shared" si="1"/>
        <v>9.9999999999999992E-2</v>
      </c>
      <c r="S23" s="95" t="s">
        <v>114</v>
      </c>
    </row>
    <row r="24" spans="1:19" ht="19.899999999999999" customHeight="1" x14ac:dyDescent="0.25">
      <c r="A24" s="56"/>
      <c r="B24" s="17"/>
      <c r="C24" s="17"/>
      <c r="D24" s="17"/>
      <c r="E24" s="11"/>
      <c r="F24" s="11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56"/>
      <c r="R24" s="7"/>
      <c r="S24" s="5"/>
    </row>
    <row r="25" spans="1:19" ht="20.25" customHeight="1" x14ac:dyDescent="0.25">
      <c r="A25" s="33"/>
      <c r="B25" s="33"/>
      <c r="C25" s="33"/>
      <c r="D25" s="11"/>
      <c r="E25" s="11"/>
      <c r="F25" s="11"/>
      <c r="G25" s="17"/>
      <c r="H25" s="60"/>
      <c r="I25" s="60"/>
      <c r="J25" s="60"/>
      <c r="K25" s="60"/>
      <c r="L25" s="60"/>
      <c r="M25" s="60"/>
      <c r="N25" s="60"/>
      <c r="O25" s="60"/>
      <c r="P25" s="60"/>
      <c r="Q25" s="60"/>
    </row>
    <row r="26" spans="1:19" ht="15.75" x14ac:dyDescent="0.25">
      <c r="A26" s="3" t="s">
        <v>366</v>
      </c>
      <c r="B26" s="44"/>
      <c r="C26" s="52"/>
      <c r="D26" s="126" t="s">
        <v>490</v>
      </c>
      <c r="E26" s="126"/>
      <c r="F26" s="54"/>
      <c r="G26" s="17"/>
      <c r="H26" s="50"/>
      <c r="I26" s="50"/>
      <c r="J26" s="50"/>
      <c r="K26" s="50"/>
      <c r="L26" s="50"/>
      <c r="M26" s="50"/>
      <c r="N26" s="50"/>
      <c r="O26" s="50"/>
      <c r="P26" s="50"/>
      <c r="Q26" s="60"/>
    </row>
    <row r="27" spans="1:19" ht="19.899999999999999" customHeight="1" x14ac:dyDescent="0.25">
      <c r="A27" s="2"/>
      <c r="B27" s="2"/>
      <c r="C27" s="59" t="s">
        <v>367</v>
      </c>
      <c r="D27" s="116" t="s">
        <v>359</v>
      </c>
      <c r="E27" s="116"/>
      <c r="F27" s="116"/>
      <c r="G27" s="17"/>
      <c r="H27" s="127"/>
      <c r="I27" s="127"/>
      <c r="J27" s="127"/>
      <c r="K27" s="127"/>
      <c r="L27" s="127"/>
      <c r="M27" s="127"/>
      <c r="N27" s="127"/>
      <c r="O27" s="127"/>
      <c r="P27" s="127"/>
      <c r="Q27" s="127"/>
    </row>
    <row r="28" spans="1:19" ht="19.899999999999999" customHeight="1" x14ac:dyDescent="0.25">
      <c r="A28" s="3" t="s">
        <v>368</v>
      </c>
      <c r="B28" s="44"/>
      <c r="C28" s="52"/>
      <c r="D28" s="126" t="s">
        <v>537</v>
      </c>
      <c r="E28" s="126"/>
      <c r="F28" s="55"/>
      <c r="G28" s="17"/>
      <c r="H28" s="50"/>
      <c r="I28" s="50"/>
      <c r="J28" s="50"/>
      <c r="K28" s="50"/>
      <c r="L28" s="50"/>
      <c r="M28" s="50"/>
      <c r="N28" s="50"/>
      <c r="O28" s="50"/>
      <c r="P28" s="50"/>
      <c r="Q28" s="60"/>
    </row>
    <row r="29" spans="1:19" ht="19.899999999999999" customHeight="1" x14ac:dyDescent="0.25">
      <c r="A29" s="44"/>
      <c r="B29" s="44"/>
      <c r="C29" s="59" t="s">
        <v>367</v>
      </c>
      <c r="D29" s="116" t="s">
        <v>359</v>
      </c>
      <c r="E29" s="116"/>
      <c r="F29" s="116"/>
      <c r="G29" s="17"/>
      <c r="H29" s="60"/>
      <c r="I29" s="60"/>
      <c r="J29" s="60"/>
      <c r="K29" s="60"/>
      <c r="L29" s="60"/>
      <c r="M29" s="60"/>
      <c r="N29" s="60"/>
      <c r="O29" s="60"/>
      <c r="P29" s="60"/>
      <c r="Q29" s="60"/>
    </row>
    <row r="30" spans="1:19" ht="19.899999999999999" customHeight="1" x14ac:dyDescent="0.25"/>
  </sheetData>
  <autoFilter ref="A17:S17">
    <sortState ref="A18:W94">
      <sortCondition descending="1" ref="R17"/>
    </sortState>
  </autoFilter>
  <sortState ref="B18:S23">
    <sortCondition descending="1" ref="R18:R23"/>
  </sortState>
  <mergeCells count="19">
    <mergeCell ref="J7:S7"/>
    <mergeCell ref="A1:S1"/>
    <mergeCell ref="A3:S3"/>
    <mergeCell ref="A5:I5"/>
    <mergeCell ref="J5:S5"/>
    <mergeCell ref="J6:S6"/>
    <mergeCell ref="D29:F29"/>
    <mergeCell ref="J8:S8"/>
    <mergeCell ref="A10:D10"/>
    <mergeCell ref="E10:G10"/>
    <mergeCell ref="A12:D12"/>
    <mergeCell ref="E12:G12"/>
    <mergeCell ref="A14:D14"/>
    <mergeCell ref="E14:G14"/>
    <mergeCell ref="G16:P16"/>
    <mergeCell ref="D26:E26"/>
    <mergeCell ref="D27:F27"/>
    <mergeCell ref="H27:Q27"/>
    <mergeCell ref="D28:E28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1"/>
  <sheetViews>
    <sheetView view="pageBreakPreview" topLeftCell="A13" zoomScaleSheetLayoutView="100" workbookViewId="0">
      <selection activeCell="D29" sqref="D29:E29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74"/>
      <c r="B2" s="74"/>
      <c r="C2" s="74"/>
      <c r="D2" s="74"/>
      <c r="E2" s="74"/>
      <c r="F2" s="74"/>
      <c r="G2" s="74"/>
      <c r="H2" s="74"/>
      <c r="I2" s="74"/>
      <c r="J2" s="74"/>
      <c r="K2" s="74"/>
      <c r="L2" s="74"/>
      <c r="M2" s="74"/>
      <c r="N2" s="74"/>
      <c r="O2" s="74"/>
      <c r="P2" s="74"/>
      <c r="Q2" s="74"/>
      <c r="R2" s="74"/>
      <c r="S2" s="74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372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61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31">
        <v>9</v>
      </c>
      <c r="F12" s="131"/>
      <c r="G12" s="131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50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32" t="s">
        <v>17</v>
      </c>
      <c r="H16" s="133"/>
      <c r="I16" s="133"/>
      <c r="J16" s="133"/>
      <c r="K16" s="133"/>
      <c r="L16" s="133"/>
      <c r="M16" s="133"/>
      <c r="N16" s="133"/>
      <c r="O16" s="133"/>
      <c r="P16" s="13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3" t="s">
        <v>410</v>
      </c>
      <c r="C18" s="63" t="s">
        <v>104</v>
      </c>
      <c r="D18" s="63" t="s">
        <v>96</v>
      </c>
      <c r="E18" s="69" t="s">
        <v>411</v>
      </c>
      <c r="F18" s="69" t="s">
        <v>538</v>
      </c>
      <c r="G18" s="19">
        <v>12</v>
      </c>
      <c r="H18" s="19">
        <v>1</v>
      </c>
      <c r="I18" s="19">
        <v>2</v>
      </c>
      <c r="J18" s="19">
        <v>4</v>
      </c>
      <c r="K18" s="19">
        <v>5</v>
      </c>
      <c r="L18" s="19"/>
      <c r="M18" s="19"/>
      <c r="N18" s="19"/>
      <c r="O18" s="19"/>
      <c r="P18" s="19"/>
      <c r="Q18" s="21">
        <f t="shared" ref="Q18:Q24" si="0">SUM(G18:P18)</f>
        <v>24</v>
      </c>
      <c r="R18" s="8">
        <f t="shared" ref="R18:R24" si="1">Q18/$E$14</f>
        <v>0.48</v>
      </c>
      <c r="S18" s="30" t="s">
        <v>113</v>
      </c>
    </row>
    <row r="19" spans="1:19" x14ac:dyDescent="0.25">
      <c r="A19" s="21">
        <v>2</v>
      </c>
      <c r="B19" s="63" t="s">
        <v>415</v>
      </c>
      <c r="C19" s="63" t="s">
        <v>416</v>
      </c>
      <c r="D19" s="63" t="s">
        <v>63</v>
      </c>
      <c r="E19" s="80" t="s">
        <v>411</v>
      </c>
      <c r="F19" s="69" t="s">
        <v>541</v>
      </c>
      <c r="G19" s="19">
        <v>7</v>
      </c>
      <c r="H19" s="19">
        <v>5</v>
      </c>
      <c r="I19" s="19">
        <v>1</v>
      </c>
      <c r="J19" s="19">
        <v>3</v>
      </c>
      <c r="K19" s="19">
        <v>1</v>
      </c>
      <c r="L19" s="19"/>
      <c r="M19" s="19"/>
      <c r="N19" s="19"/>
      <c r="O19" s="19"/>
      <c r="P19" s="19"/>
      <c r="Q19" s="21">
        <f t="shared" si="0"/>
        <v>17</v>
      </c>
      <c r="R19" s="8">
        <f t="shared" si="1"/>
        <v>0.34</v>
      </c>
      <c r="S19" s="30" t="s">
        <v>114</v>
      </c>
    </row>
    <row r="20" spans="1:19" x14ac:dyDescent="0.25">
      <c r="A20" s="21">
        <v>3</v>
      </c>
      <c r="B20" s="63" t="s">
        <v>412</v>
      </c>
      <c r="C20" s="63" t="s">
        <v>37</v>
      </c>
      <c r="D20" s="63" t="s">
        <v>36</v>
      </c>
      <c r="E20" s="69" t="s">
        <v>411</v>
      </c>
      <c r="F20" s="69" t="s">
        <v>540</v>
      </c>
      <c r="G20" s="19">
        <v>7</v>
      </c>
      <c r="H20" s="19">
        <v>0</v>
      </c>
      <c r="I20" s="19">
        <v>2</v>
      </c>
      <c r="J20" s="19">
        <v>4</v>
      </c>
      <c r="K20" s="19">
        <v>1</v>
      </c>
      <c r="L20" s="19"/>
      <c r="M20" s="19"/>
      <c r="N20" s="19"/>
      <c r="O20" s="19"/>
      <c r="P20" s="19"/>
      <c r="Q20" s="21">
        <f t="shared" si="0"/>
        <v>14</v>
      </c>
      <c r="R20" s="8">
        <f t="shared" si="1"/>
        <v>0.28000000000000003</v>
      </c>
      <c r="S20" s="30" t="s">
        <v>114</v>
      </c>
    </row>
    <row r="21" spans="1:19" x14ac:dyDescent="0.25">
      <c r="A21" s="21">
        <v>4</v>
      </c>
      <c r="B21" s="63" t="s">
        <v>417</v>
      </c>
      <c r="C21" s="63" t="s">
        <v>418</v>
      </c>
      <c r="D21" s="63" t="s">
        <v>33</v>
      </c>
      <c r="E21" s="81" t="s">
        <v>411</v>
      </c>
      <c r="F21" s="69" t="s">
        <v>542</v>
      </c>
      <c r="G21" s="19">
        <v>7</v>
      </c>
      <c r="H21" s="19">
        <v>1</v>
      </c>
      <c r="I21" s="19">
        <v>0</v>
      </c>
      <c r="J21" s="19">
        <v>4</v>
      </c>
      <c r="K21" s="19">
        <v>2</v>
      </c>
      <c r="L21" s="19"/>
      <c r="M21" s="19"/>
      <c r="N21" s="19"/>
      <c r="O21" s="19"/>
      <c r="P21" s="19"/>
      <c r="Q21" s="21">
        <f t="shared" si="0"/>
        <v>14</v>
      </c>
      <c r="R21" s="8">
        <f t="shared" si="1"/>
        <v>0.28000000000000003</v>
      </c>
      <c r="S21" s="30" t="s">
        <v>114</v>
      </c>
    </row>
    <row r="22" spans="1:19" x14ac:dyDescent="0.25">
      <c r="A22" s="21">
        <f>ROW(A5)</f>
        <v>5</v>
      </c>
      <c r="B22" s="63" t="s">
        <v>419</v>
      </c>
      <c r="C22" s="63" t="s">
        <v>420</v>
      </c>
      <c r="D22" s="63" t="s">
        <v>78</v>
      </c>
      <c r="E22" s="81" t="s">
        <v>421</v>
      </c>
      <c r="F22" s="69" t="s">
        <v>544</v>
      </c>
      <c r="G22" s="19">
        <v>8</v>
      </c>
      <c r="H22" s="79">
        <v>0</v>
      </c>
      <c r="I22" s="19">
        <v>0</v>
      </c>
      <c r="J22" s="19">
        <v>3</v>
      </c>
      <c r="K22" s="19">
        <v>1</v>
      </c>
      <c r="L22" s="19"/>
      <c r="M22" s="19"/>
      <c r="N22" s="19"/>
      <c r="O22" s="19"/>
      <c r="P22" s="19"/>
      <c r="Q22" s="21">
        <f t="shared" si="0"/>
        <v>12</v>
      </c>
      <c r="R22" s="8">
        <f t="shared" si="1"/>
        <v>0.24</v>
      </c>
      <c r="S22" s="30" t="s">
        <v>114</v>
      </c>
    </row>
    <row r="23" spans="1:19" x14ac:dyDescent="0.25">
      <c r="A23" s="21">
        <f>ROW(A6)</f>
        <v>6</v>
      </c>
      <c r="B23" s="63" t="s">
        <v>413</v>
      </c>
      <c r="C23" s="63" t="s">
        <v>414</v>
      </c>
      <c r="D23" s="63" t="s">
        <v>23</v>
      </c>
      <c r="E23" s="69" t="s">
        <v>411</v>
      </c>
      <c r="F23" s="69" t="s">
        <v>539</v>
      </c>
      <c r="G23" s="19">
        <v>8</v>
      </c>
      <c r="H23" s="19">
        <v>0</v>
      </c>
      <c r="I23" s="19">
        <v>0</v>
      </c>
      <c r="J23" s="19">
        <v>2</v>
      </c>
      <c r="K23" s="19">
        <v>1</v>
      </c>
      <c r="L23" s="19"/>
      <c r="M23" s="19"/>
      <c r="N23" s="19"/>
      <c r="O23" s="19"/>
      <c r="P23" s="19"/>
      <c r="Q23" s="21">
        <f t="shared" si="0"/>
        <v>11</v>
      </c>
      <c r="R23" s="8">
        <f t="shared" si="1"/>
        <v>0.22</v>
      </c>
      <c r="S23" s="30" t="s">
        <v>114</v>
      </c>
    </row>
    <row r="24" spans="1:19" x14ac:dyDescent="0.25">
      <c r="A24" s="21">
        <f t="shared" ref="A24" si="2">ROW(A9)</f>
        <v>9</v>
      </c>
      <c r="B24" s="63" t="s">
        <v>98</v>
      </c>
      <c r="C24" s="63" t="s">
        <v>43</v>
      </c>
      <c r="D24" s="63" t="s">
        <v>31</v>
      </c>
      <c r="E24" s="69" t="s">
        <v>411</v>
      </c>
      <c r="F24" s="69" t="s">
        <v>543</v>
      </c>
      <c r="G24" s="19">
        <v>6</v>
      </c>
      <c r="H24" s="19">
        <v>1</v>
      </c>
      <c r="I24" s="19">
        <v>1</v>
      </c>
      <c r="J24" s="19">
        <v>2</v>
      </c>
      <c r="K24" s="19">
        <v>1</v>
      </c>
      <c r="L24" s="19"/>
      <c r="M24" s="19"/>
      <c r="N24" s="19"/>
      <c r="O24" s="19"/>
      <c r="P24" s="19"/>
      <c r="Q24" s="21">
        <f t="shared" si="0"/>
        <v>11</v>
      </c>
      <c r="R24" s="8">
        <f t="shared" si="1"/>
        <v>0.22</v>
      </c>
      <c r="S24" s="30" t="s">
        <v>114</v>
      </c>
    </row>
    <row r="25" spans="1:19" ht="19.899999999999999" customHeight="1" x14ac:dyDescent="0.25">
      <c r="A25" s="48"/>
      <c r="B25" s="17"/>
      <c r="C25" s="17"/>
      <c r="D25" s="17"/>
      <c r="E25" s="11"/>
      <c r="F25" s="11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48"/>
      <c r="R25" s="7"/>
      <c r="S25" s="5"/>
    </row>
    <row r="26" spans="1:19" ht="20.25" customHeight="1" x14ac:dyDescent="0.25">
      <c r="A26" s="33"/>
      <c r="B26" s="33"/>
      <c r="C26" s="33"/>
      <c r="D26" s="11"/>
      <c r="E26" s="11"/>
      <c r="F26" s="11"/>
      <c r="G26" s="17"/>
      <c r="H26" s="51"/>
      <c r="I26" s="51"/>
      <c r="J26" s="51"/>
      <c r="K26" s="51"/>
      <c r="L26" s="51"/>
      <c r="M26" s="51"/>
      <c r="N26" s="51"/>
      <c r="O26" s="51"/>
      <c r="P26" s="51"/>
      <c r="Q26" s="51"/>
    </row>
    <row r="27" spans="1:19" ht="15.75" x14ac:dyDescent="0.25">
      <c r="A27" s="3" t="s">
        <v>366</v>
      </c>
      <c r="B27" s="44"/>
      <c r="C27" s="52"/>
      <c r="D27" s="126" t="s">
        <v>490</v>
      </c>
      <c r="E27" s="126"/>
      <c r="F27" s="54"/>
      <c r="G27" s="17"/>
      <c r="H27" s="50"/>
      <c r="I27" s="50"/>
      <c r="J27" s="50"/>
      <c r="K27" s="50"/>
      <c r="L27" s="50"/>
      <c r="M27" s="50"/>
      <c r="N27" s="50"/>
      <c r="O27" s="50"/>
      <c r="P27" s="50"/>
      <c r="Q27" s="51"/>
    </row>
    <row r="28" spans="1:19" ht="19.899999999999999" customHeight="1" x14ac:dyDescent="0.25">
      <c r="A28" s="2"/>
      <c r="B28" s="2"/>
      <c r="C28" s="53" t="s">
        <v>367</v>
      </c>
      <c r="D28" s="116" t="s">
        <v>359</v>
      </c>
      <c r="E28" s="116"/>
      <c r="F28" s="116"/>
      <c r="G28" s="17"/>
      <c r="H28" s="127"/>
      <c r="I28" s="127"/>
      <c r="J28" s="127"/>
      <c r="K28" s="127"/>
      <c r="L28" s="127"/>
      <c r="M28" s="127"/>
      <c r="N28" s="127"/>
      <c r="O28" s="127"/>
      <c r="P28" s="127"/>
      <c r="Q28" s="127"/>
    </row>
    <row r="29" spans="1:19" ht="19.899999999999999" customHeight="1" x14ac:dyDescent="0.25">
      <c r="A29" s="3" t="s">
        <v>368</v>
      </c>
      <c r="B29" s="44"/>
      <c r="C29" s="52"/>
      <c r="D29" s="126" t="s">
        <v>537</v>
      </c>
      <c r="E29" s="126"/>
      <c r="F29" s="55"/>
      <c r="G29" s="17"/>
      <c r="H29" s="50"/>
      <c r="I29" s="50"/>
      <c r="J29" s="50"/>
      <c r="K29" s="50"/>
      <c r="L29" s="50"/>
      <c r="M29" s="50"/>
      <c r="N29" s="50"/>
      <c r="O29" s="50"/>
      <c r="P29" s="50"/>
      <c r="Q29" s="51"/>
    </row>
    <row r="30" spans="1:19" ht="19.899999999999999" customHeight="1" x14ac:dyDescent="0.25">
      <c r="A30" s="44"/>
      <c r="B30" s="44"/>
      <c r="C30" s="53" t="s">
        <v>367</v>
      </c>
      <c r="D30" s="116" t="s">
        <v>359</v>
      </c>
      <c r="E30" s="116"/>
      <c r="F30" s="116"/>
      <c r="G30" s="17"/>
      <c r="H30" s="51"/>
      <c r="I30" s="51"/>
      <c r="J30" s="51"/>
      <c r="K30" s="51"/>
      <c r="L30" s="51"/>
      <c r="M30" s="51"/>
      <c r="N30" s="51"/>
      <c r="O30" s="51"/>
      <c r="P30" s="51"/>
      <c r="Q30" s="51"/>
    </row>
    <row r="31" spans="1:19" ht="19.899999999999999" customHeight="1" x14ac:dyDescent="0.25"/>
  </sheetData>
  <autoFilter ref="A17:S17">
    <sortState ref="A18:W94">
      <sortCondition descending="1" ref="R17"/>
    </sortState>
  </autoFilter>
  <sortState ref="B18:S24">
    <sortCondition descending="1" ref="R18:R24"/>
  </sortState>
  <mergeCells count="19">
    <mergeCell ref="D30:F30"/>
    <mergeCell ref="E14:G14"/>
    <mergeCell ref="D29:E29"/>
    <mergeCell ref="G16:P16"/>
    <mergeCell ref="D27:E27"/>
    <mergeCell ref="H28:Q28"/>
    <mergeCell ref="D28:F28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4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8"/>
  <sheetViews>
    <sheetView view="pageBreakPreview" topLeftCell="A13" zoomScaleSheetLayoutView="100" workbookViewId="0">
      <selection activeCell="S22" sqref="S22:S31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372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62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31">
        <v>16</v>
      </c>
      <c r="F12" s="131"/>
      <c r="G12" s="131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50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32" t="s">
        <v>17</v>
      </c>
      <c r="H16" s="133"/>
      <c r="I16" s="133"/>
      <c r="J16" s="133"/>
      <c r="K16" s="133"/>
      <c r="L16" s="133"/>
      <c r="M16" s="133"/>
      <c r="N16" s="133"/>
      <c r="O16" s="133"/>
      <c r="P16" s="13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3" t="s">
        <v>436</v>
      </c>
      <c r="C18" s="65" t="s">
        <v>437</v>
      </c>
      <c r="D18" s="63" t="s">
        <v>40</v>
      </c>
      <c r="E18" s="61" t="s">
        <v>429</v>
      </c>
      <c r="F18" s="69" t="s">
        <v>536</v>
      </c>
      <c r="G18" s="19">
        <v>9</v>
      </c>
      <c r="H18" s="19">
        <v>10</v>
      </c>
      <c r="I18" s="19">
        <v>0</v>
      </c>
      <c r="J18" s="19">
        <v>5</v>
      </c>
      <c r="K18" s="19">
        <v>5</v>
      </c>
      <c r="L18" s="19"/>
      <c r="M18" s="19"/>
      <c r="N18" s="19"/>
      <c r="O18" s="19"/>
      <c r="P18" s="19"/>
      <c r="Q18" s="21">
        <f t="shared" ref="Q18:Q31" si="0">SUM(G18:P18)</f>
        <v>29</v>
      </c>
      <c r="R18" s="8">
        <f t="shared" ref="R18:R31" si="1">Q18/$E$14</f>
        <v>0.57999999999999996</v>
      </c>
      <c r="S18" s="30" t="s">
        <v>113</v>
      </c>
    </row>
    <row r="19" spans="1:19" x14ac:dyDescent="0.25">
      <c r="A19" s="21">
        <v>2</v>
      </c>
      <c r="B19" s="65" t="s">
        <v>484</v>
      </c>
      <c r="C19" s="65" t="s">
        <v>54</v>
      </c>
      <c r="D19" s="63" t="s">
        <v>62</v>
      </c>
      <c r="E19" s="61" t="s">
        <v>485</v>
      </c>
      <c r="F19" s="69" t="s">
        <v>527</v>
      </c>
      <c r="G19" s="19">
        <v>11</v>
      </c>
      <c r="H19" s="19">
        <v>11</v>
      </c>
      <c r="I19" s="19">
        <v>0</v>
      </c>
      <c r="J19" s="19">
        <v>4</v>
      </c>
      <c r="K19" s="19">
        <v>1</v>
      </c>
      <c r="L19" s="19"/>
      <c r="M19" s="19"/>
      <c r="N19" s="19"/>
      <c r="O19" s="19"/>
      <c r="P19" s="19"/>
      <c r="Q19" s="21">
        <f t="shared" si="0"/>
        <v>27</v>
      </c>
      <c r="R19" s="8">
        <f t="shared" si="1"/>
        <v>0.54</v>
      </c>
      <c r="S19" s="30" t="s">
        <v>387</v>
      </c>
    </row>
    <row r="20" spans="1:19" x14ac:dyDescent="0.25">
      <c r="A20" s="21">
        <v>3</v>
      </c>
      <c r="B20" s="63" t="s">
        <v>428</v>
      </c>
      <c r="C20" s="65" t="s">
        <v>59</v>
      </c>
      <c r="D20" s="63" t="s">
        <v>40</v>
      </c>
      <c r="E20" s="61" t="s">
        <v>422</v>
      </c>
      <c r="F20" s="69" t="s">
        <v>533</v>
      </c>
      <c r="G20" s="19">
        <v>9</v>
      </c>
      <c r="H20" s="19">
        <v>8</v>
      </c>
      <c r="I20" s="19">
        <v>2</v>
      </c>
      <c r="J20" s="19">
        <v>5</v>
      </c>
      <c r="K20" s="19">
        <v>1</v>
      </c>
      <c r="L20" s="19"/>
      <c r="M20" s="19"/>
      <c r="N20" s="19"/>
      <c r="O20" s="19"/>
      <c r="P20" s="19"/>
      <c r="Q20" s="21">
        <f t="shared" si="0"/>
        <v>25</v>
      </c>
      <c r="R20" s="8">
        <f t="shared" si="1"/>
        <v>0.5</v>
      </c>
      <c r="S20" s="30" t="s">
        <v>387</v>
      </c>
    </row>
    <row r="21" spans="1:19" x14ac:dyDescent="0.25">
      <c r="A21" s="21">
        <v>4</v>
      </c>
      <c r="B21" s="63" t="s">
        <v>431</v>
      </c>
      <c r="C21" s="65" t="s">
        <v>103</v>
      </c>
      <c r="D21" s="63" t="s">
        <v>40</v>
      </c>
      <c r="E21" s="62" t="s">
        <v>422</v>
      </c>
      <c r="F21" s="69" t="s">
        <v>535</v>
      </c>
      <c r="G21" s="19">
        <v>7</v>
      </c>
      <c r="H21" s="79">
        <v>9</v>
      </c>
      <c r="I21" s="19">
        <v>0</v>
      </c>
      <c r="J21" s="19">
        <v>4</v>
      </c>
      <c r="K21" s="19">
        <v>1</v>
      </c>
      <c r="L21" s="19"/>
      <c r="M21" s="19"/>
      <c r="N21" s="19"/>
      <c r="O21" s="19"/>
      <c r="P21" s="19"/>
      <c r="Q21" s="21">
        <f t="shared" si="0"/>
        <v>21</v>
      </c>
      <c r="R21" s="8">
        <f t="shared" si="1"/>
        <v>0.42</v>
      </c>
      <c r="S21" s="22" t="s">
        <v>112</v>
      </c>
    </row>
    <row r="22" spans="1:19" x14ac:dyDescent="0.25">
      <c r="A22" s="21">
        <f>ROW(A5)</f>
        <v>5</v>
      </c>
      <c r="B22" s="63" t="s">
        <v>26</v>
      </c>
      <c r="C22" s="65" t="s">
        <v>74</v>
      </c>
      <c r="D22" s="63" t="s">
        <v>40</v>
      </c>
      <c r="E22" s="81" t="s">
        <v>422</v>
      </c>
      <c r="F22" s="69" t="s">
        <v>523</v>
      </c>
      <c r="G22" s="19">
        <v>6</v>
      </c>
      <c r="H22" s="19">
        <v>5</v>
      </c>
      <c r="I22" s="19">
        <v>0</v>
      </c>
      <c r="J22" s="19">
        <v>4</v>
      </c>
      <c r="K22" s="19">
        <v>1</v>
      </c>
      <c r="L22" s="19"/>
      <c r="M22" s="19"/>
      <c r="N22" s="19"/>
      <c r="O22" s="19"/>
      <c r="P22" s="19"/>
      <c r="Q22" s="21">
        <f t="shared" si="0"/>
        <v>16</v>
      </c>
      <c r="R22" s="8">
        <f t="shared" si="1"/>
        <v>0.32</v>
      </c>
      <c r="S22" s="30" t="s">
        <v>114</v>
      </c>
    </row>
    <row r="23" spans="1:19" x14ac:dyDescent="0.25">
      <c r="A23" s="21">
        <f>ROW(A6)</f>
        <v>6</v>
      </c>
      <c r="B23" s="63" t="s">
        <v>432</v>
      </c>
      <c r="C23" s="65" t="s">
        <v>433</v>
      </c>
      <c r="D23" s="63" t="s">
        <v>31</v>
      </c>
      <c r="E23" s="61" t="s">
        <v>422</v>
      </c>
      <c r="F23" s="69" t="s">
        <v>528</v>
      </c>
      <c r="G23" s="19">
        <v>4</v>
      </c>
      <c r="H23" s="79">
        <v>5</v>
      </c>
      <c r="I23" s="19">
        <v>1</v>
      </c>
      <c r="J23" s="19">
        <v>4</v>
      </c>
      <c r="K23" s="19">
        <v>0</v>
      </c>
      <c r="L23" s="19"/>
      <c r="M23" s="19"/>
      <c r="N23" s="19"/>
      <c r="O23" s="19"/>
      <c r="P23" s="19"/>
      <c r="Q23" s="21">
        <f t="shared" si="0"/>
        <v>14</v>
      </c>
      <c r="R23" s="8">
        <f t="shared" si="1"/>
        <v>0.28000000000000003</v>
      </c>
      <c r="S23" s="30" t="s">
        <v>114</v>
      </c>
    </row>
    <row r="24" spans="1:19" x14ac:dyDescent="0.25">
      <c r="A24" s="21">
        <f t="shared" ref="A24:A31" si="2">ROW(A9)</f>
        <v>9</v>
      </c>
      <c r="B24" s="63" t="s">
        <v>430</v>
      </c>
      <c r="C24" s="65" t="s">
        <v>49</v>
      </c>
      <c r="D24" s="63" t="s">
        <v>63</v>
      </c>
      <c r="E24" s="61" t="s">
        <v>422</v>
      </c>
      <c r="F24" s="69" t="s">
        <v>534</v>
      </c>
      <c r="G24" s="19">
        <v>5</v>
      </c>
      <c r="H24" s="79">
        <v>5</v>
      </c>
      <c r="I24" s="19">
        <v>0</v>
      </c>
      <c r="J24" s="19">
        <v>3</v>
      </c>
      <c r="K24" s="19">
        <v>0</v>
      </c>
      <c r="L24" s="19"/>
      <c r="M24" s="19"/>
      <c r="N24" s="19"/>
      <c r="O24" s="19"/>
      <c r="P24" s="19"/>
      <c r="Q24" s="21">
        <f t="shared" si="0"/>
        <v>13</v>
      </c>
      <c r="R24" s="8">
        <f t="shared" si="1"/>
        <v>0.26</v>
      </c>
      <c r="S24" s="30" t="s">
        <v>114</v>
      </c>
    </row>
    <row r="25" spans="1:19" x14ac:dyDescent="0.25">
      <c r="A25" s="21">
        <f t="shared" si="2"/>
        <v>10</v>
      </c>
      <c r="B25" s="63" t="s">
        <v>423</v>
      </c>
      <c r="C25" s="65" t="s">
        <v>73</v>
      </c>
      <c r="D25" s="63" t="s">
        <v>62</v>
      </c>
      <c r="E25" s="69" t="s">
        <v>424</v>
      </c>
      <c r="F25" s="69" t="s">
        <v>532</v>
      </c>
      <c r="G25" s="19">
        <v>6</v>
      </c>
      <c r="H25" s="19">
        <v>2</v>
      </c>
      <c r="I25" s="19">
        <v>4</v>
      </c>
      <c r="J25" s="19">
        <v>0</v>
      </c>
      <c r="K25" s="19">
        <v>0</v>
      </c>
      <c r="L25" s="19"/>
      <c r="M25" s="19"/>
      <c r="N25" s="19"/>
      <c r="O25" s="19"/>
      <c r="P25" s="19"/>
      <c r="Q25" s="21">
        <f t="shared" si="0"/>
        <v>12</v>
      </c>
      <c r="R25" s="8">
        <f t="shared" si="1"/>
        <v>0.24</v>
      </c>
      <c r="S25" s="30" t="s">
        <v>114</v>
      </c>
    </row>
    <row r="26" spans="1:19" x14ac:dyDescent="0.25">
      <c r="A26" s="21">
        <f t="shared" si="2"/>
        <v>11</v>
      </c>
      <c r="B26" s="63" t="s">
        <v>427</v>
      </c>
      <c r="C26" s="65" t="s">
        <v>93</v>
      </c>
      <c r="D26" s="63" t="s">
        <v>440</v>
      </c>
      <c r="E26" s="61" t="s">
        <v>429</v>
      </c>
      <c r="F26" s="69" t="s">
        <v>526</v>
      </c>
      <c r="G26" s="19">
        <v>6</v>
      </c>
      <c r="H26" s="19">
        <v>1</v>
      </c>
      <c r="I26" s="19">
        <v>0</v>
      </c>
      <c r="J26" s="19">
        <v>4</v>
      </c>
      <c r="K26" s="19">
        <v>1</v>
      </c>
      <c r="L26" s="19"/>
      <c r="M26" s="19"/>
      <c r="N26" s="19"/>
      <c r="O26" s="19"/>
      <c r="P26" s="19"/>
      <c r="Q26" s="21">
        <f t="shared" si="0"/>
        <v>12</v>
      </c>
      <c r="R26" s="8">
        <f t="shared" si="1"/>
        <v>0.24</v>
      </c>
      <c r="S26" s="30" t="s">
        <v>114</v>
      </c>
    </row>
    <row r="27" spans="1:19" x14ac:dyDescent="0.25">
      <c r="A27" s="21">
        <f t="shared" si="2"/>
        <v>12</v>
      </c>
      <c r="B27" s="65" t="s">
        <v>439</v>
      </c>
      <c r="C27" s="65" t="s">
        <v>77</v>
      </c>
      <c r="D27" s="63" t="s">
        <v>31</v>
      </c>
      <c r="E27" s="61" t="s">
        <v>422</v>
      </c>
      <c r="F27" s="69" t="s">
        <v>531</v>
      </c>
      <c r="G27" s="19">
        <v>5</v>
      </c>
      <c r="H27" s="19">
        <v>1</v>
      </c>
      <c r="I27" s="19">
        <v>0</v>
      </c>
      <c r="J27" s="19">
        <v>4</v>
      </c>
      <c r="K27" s="19">
        <v>2</v>
      </c>
      <c r="L27" s="19"/>
      <c r="M27" s="19"/>
      <c r="N27" s="19"/>
      <c r="O27" s="19"/>
      <c r="P27" s="19"/>
      <c r="Q27" s="21">
        <f t="shared" si="0"/>
        <v>12</v>
      </c>
      <c r="R27" s="8">
        <f t="shared" si="1"/>
        <v>0.24</v>
      </c>
      <c r="S27" s="30" t="s">
        <v>114</v>
      </c>
    </row>
    <row r="28" spans="1:19" x14ac:dyDescent="0.25">
      <c r="A28" s="21">
        <f t="shared" si="2"/>
        <v>13</v>
      </c>
      <c r="B28" s="63" t="s">
        <v>434</v>
      </c>
      <c r="C28" s="65" t="s">
        <v>435</v>
      </c>
      <c r="D28" s="63" t="s">
        <v>56</v>
      </c>
      <c r="E28" s="61" t="s">
        <v>422</v>
      </c>
      <c r="F28" s="69" t="s">
        <v>529</v>
      </c>
      <c r="G28" s="19">
        <v>4</v>
      </c>
      <c r="H28" s="19">
        <v>0</v>
      </c>
      <c r="I28" s="19">
        <v>0</v>
      </c>
      <c r="J28" s="19">
        <v>4</v>
      </c>
      <c r="K28" s="19">
        <v>0</v>
      </c>
      <c r="L28" s="19"/>
      <c r="M28" s="19"/>
      <c r="N28" s="19"/>
      <c r="O28" s="19"/>
      <c r="P28" s="19"/>
      <c r="Q28" s="21">
        <f t="shared" si="0"/>
        <v>8</v>
      </c>
      <c r="R28" s="8">
        <f t="shared" si="1"/>
        <v>0.16</v>
      </c>
      <c r="S28" s="30" t="s">
        <v>114</v>
      </c>
    </row>
    <row r="29" spans="1:19" x14ac:dyDescent="0.25">
      <c r="A29" s="21">
        <f t="shared" si="2"/>
        <v>14</v>
      </c>
      <c r="B29" s="65" t="s">
        <v>438</v>
      </c>
      <c r="C29" s="65" t="s">
        <v>64</v>
      </c>
      <c r="D29" s="63" t="s">
        <v>40</v>
      </c>
      <c r="E29" s="61" t="s">
        <v>422</v>
      </c>
      <c r="F29" s="69" t="s">
        <v>530</v>
      </c>
      <c r="G29" s="19">
        <v>4</v>
      </c>
      <c r="H29" s="19">
        <v>1</v>
      </c>
      <c r="I29" s="19">
        <v>1</v>
      </c>
      <c r="J29" s="19">
        <v>1</v>
      </c>
      <c r="K29" s="19">
        <v>0</v>
      </c>
      <c r="L29" s="19"/>
      <c r="M29" s="19"/>
      <c r="N29" s="19"/>
      <c r="O29" s="19"/>
      <c r="P29" s="19"/>
      <c r="Q29" s="21">
        <f t="shared" si="0"/>
        <v>7</v>
      </c>
      <c r="R29" s="8">
        <f t="shared" si="1"/>
        <v>0.14000000000000001</v>
      </c>
      <c r="S29" s="30" t="s">
        <v>114</v>
      </c>
    </row>
    <row r="30" spans="1:19" x14ac:dyDescent="0.25">
      <c r="A30" s="21">
        <f t="shared" si="2"/>
        <v>15</v>
      </c>
      <c r="B30" s="63" t="s">
        <v>425</v>
      </c>
      <c r="C30" s="65" t="s">
        <v>44</v>
      </c>
      <c r="D30" s="63" t="s">
        <v>67</v>
      </c>
      <c r="E30" s="69" t="s">
        <v>422</v>
      </c>
      <c r="F30" s="69" t="s">
        <v>524</v>
      </c>
      <c r="G30" s="19">
        <v>6</v>
      </c>
      <c r="H30" s="19">
        <v>0</v>
      </c>
      <c r="I30" s="19">
        <v>0</v>
      </c>
      <c r="J30" s="19">
        <v>0</v>
      </c>
      <c r="K30" s="19">
        <v>0</v>
      </c>
      <c r="L30" s="19"/>
      <c r="M30" s="19"/>
      <c r="N30" s="19"/>
      <c r="O30" s="19"/>
      <c r="P30" s="19"/>
      <c r="Q30" s="21">
        <f t="shared" si="0"/>
        <v>6</v>
      </c>
      <c r="R30" s="8">
        <f t="shared" si="1"/>
        <v>0.12</v>
      </c>
      <c r="S30" s="30" t="s">
        <v>114</v>
      </c>
    </row>
    <row r="31" spans="1:19" x14ac:dyDescent="0.25">
      <c r="A31" s="21">
        <f t="shared" si="2"/>
        <v>16</v>
      </c>
      <c r="B31" s="63" t="s">
        <v>426</v>
      </c>
      <c r="C31" s="65" t="s">
        <v>39</v>
      </c>
      <c r="D31" s="63" t="s">
        <v>45</v>
      </c>
      <c r="E31" s="82" t="s">
        <v>422</v>
      </c>
      <c r="F31" s="69" t="s">
        <v>525</v>
      </c>
      <c r="G31" s="19">
        <v>4</v>
      </c>
      <c r="H31" s="19">
        <v>0</v>
      </c>
      <c r="I31" s="19">
        <v>0</v>
      </c>
      <c r="J31" s="19">
        <v>0</v>
      </c>
      <c r="K31" s="19">
        <v>2</v>
      </c>
      <c r="L31" s="19"/>
      <c r="M31" s="19"/>
      <c r="N31" s="19"/>
      <c r="O31" s="19"/>
      <c r="P31" s="19"/>
      <c r="Q31" s="21">
        <f t="shared" si="0"/>
        <v>6</v>
      </c>
      <c r="R31" s="8">
        <f t="shared" si="1"/>
        <v>0.12</v>
      </c>
      <c r="S31" s="30" t="s">
        <v>114</v>
      </c>
    </row>
    <row r="32" spans="1:19" ht="19.899999999999999" customHeight="1" x14ac:dyDescent="0.25">
      <c r="A32" s="56"/>
      <c r="B32" s="17"/>
      <c r="C32" s="17"/>
      <c r="D32" s="17"/>
      <c r="E32" s="11"/>
      <c r="F32" s="11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56"/>
      <c r="R32" s="7"/>
      <c r="S32" s="5"/>
    </row>
    <row r="33" spans="1:17" ht="20.25" customHeight="1" x14ac:dyDescent="0.25">
      <c r="A33" s="33"/>
      <c r="B33" s="33"/>
      <c r="C33" s="33"/>
      <c r="D33" s="11"/>
      <c r="E33" s="11"/>
      <c r="F33" s="11"/>
      <c r="G33" s="17"/>
      <c r="H33" s="60"/>
      <c r="I33" s="60"/>
      <c r="J33" s="60"/>
      <c r="K33" s="60"/>
      <c r="L33" s="60"/>
      <c r="M33" s="60"/>
      <c r="N33" s="60"/>
      <c r="O33" s="60"/>
      <c r="P33" s="60"/>
      <c r="Q33" s="60"/>
    </row>
    <row r="34" spans="1:17" ht="15.75" x14ac:dyDescent="0.25">
      <c r="A34" s="3" t="s">
        <v>366</v>
      </c>
      <c r="B34" s="44"/>
      <c r="C34" s="52"/>
      <c r="D34" s="126" t="s">
        <v>490</v>
      </c>
      <c r="E34" s="126"/>
      <c r="F34" s="54"/>
      <c r="G34" s="17"/>
      <c r="H34" s="50"/>
      <c r="I34" s="50"/>
      <c r="J34" s="50"/>
      <c r="K34" s="50"/>
      <c r="L34" s="50"/>
      <c r="M34" s="50"/>
      <c r="N34" s="50"/>
      <c r="O34" s="50"/>
      <c r="P34" s="50"/>
      <c r="Q34" s="60"/>
    </row>
    <row r="35" spans="1:17" ht="19.899999999999999" customHeight="1" x14ac:dyDescent="0.25">
      <c r="A35" s="2"/>
      <c r="B35" s="2"/>
      <c r="C35" s="59" t="s">
        <v>367</v>
      </c>
      <c r="D35" s="116" t="s">
        <v>359</v>
      </c>
      <c r="E35" s="116"/>
      <c r="F35" s="116"/>
      <c r="G35" s="17"/>
      <c r="H35" s="127"/>
      <c r="I35" s="127"/>
      <c r="J35" s="127"/>
      <c r="K35" s="127"/>
      <c r="L35" s="127"/>
      <c r="M35" s="127"/>
      <c r="N35" s="127"/>
      <c r="O35" s="127"/>
      <c r="P35" s="127"/>
      <c r="Q35" s="127"/>
    </row>
    <row r="36" spans="1:17" ht="19.899999999999999" customHeight="1" x14ac:dyDescent="0.25">
      <c r="A36" s="3" t="s">
        <v>368</v>
      </c>
      <c r="B36" s="44"/>
      <c r="C36" s="52"/>
      <c r="D36" s="126" t="s">
        <v>491</v>
      </c>
      <c r="E36" s="126"/>
      <c r="F36" s="55"/>
      <c r="G36" s="17"/>
      <c r="H36" s="50"/>
      <c r="I36" s="50"/>
      <c r="J36" s="50"/>
      <c r="K36" s="50"/>
      <c r="L36" s="50"/>
      <c r="M36" s="50"/>
      <c r="N36" s="50"/>
      <c r="O36" s="50"/>
      <c r="P36" s="50"/>
      <c r="Q36" s="60"/>
    </row>
    <row r="37" spans="1:17" ht="19.899999999999999" customHeight="1" x14ac:dyDescent="0.25">
      <c r="A37" s="44"/>
      <c r="B37" s="44"/>
      <c r="C37" s="59" t="s">
        <v>367</v>
      </c>
      <c r="D37" s="116" t="s">
        <v>359</v>
      </c>
      <c r="E37" s="116"/>
      <c r="F37" s="116"/>
      <c r="G37" s="17"/>
      <c r="H37" s="60"/>
      <c r="I37" s="60"/>
      <c r="J37" s="60"/>
      <c r="K37" s="60"/>
      <c r="L37" s="60"/>
      <c r="M37" s="60"/>
      <c r="N37" s="60"/>
      <c r="O37" s="60"/>
      <c r="P37" s="60"/>
      <c r="Q37" s="60"/>
    </row>
    <row r="38" spans="1:17" ht="19.899999999999999" customHeight="1" x14ac:dyDescent="0.25"/>
  </sheetData>
  <autoFilter ref="A17:S17">
    <sortState ref="A18:W94">
      <sortCondition descending="1" ref="R17"/>
    </sortState>
  </autoFilter>
  <sortState ref="B18:S31">
    <sortCondition descending="1" ref="R18:R31"/>
  </sortState>
  <mergeCells count="19">
    <mergeCell ref="J7:S7"/>
    <mergeCell ref="A1:S1"/>
    <mergeCell ref="A3:S3"/>
    <mergeCell ref="A5:I5"/>
    <mergeCell ref="J5:S5"/>
    <mergeCell ref="J6:S6"/>
    <mergeCell ref="D37:F37"/>
    <mergeCell ref="J8:S8"/>
    <mergeCell ref="A10:D10"/>
    <mergeCell ref="E10:G10"/>
    <mergeCell ref="A12:D12"/>
    <mergeCell ref="E12:G12"/>
    <mergeCell ref="A14:D14"/>
    <mergeCell ref="E14:G14"/>
    <mergeCell ref="G16:P16"/>
    <mergeCell ref="D34:E34"/>
    <mergeCell ref="D35:F35"/>
    <mergeCell ref="H35:Q35"/>
    <mergeCell ref="D36:E3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1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Y45"/>
  <sheetViews>
    <sheetView view="pageBreakPreview" topLeftCell="A16" zoomScaleSheetLayoutView="100" workbookViewId="0">
      <selection activeCell="S18" sqref="S18:S38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24" width="9.140625" style="44"/>
    <col min="25" max="25" width="12" style="44" bestFit="1" customWidth="1"/>
    <col min="26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372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63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21">
        <v>25</v>
      </c>
      <c r="F12" s="121"/>
      <c r="G12" s="121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50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32" t="s">
        <v>17</v>
      </c>
      <c r="H16" s="133"/>
      <c r="I16" s="133"/>
      <c r="J16" s="133"/>
      <c r="K16" s="133"/>
      <c r="L16" s="133"/>
      <c r="M16" s="133"/>
      <c r="N16" s="133"/>
      <c r="O16" s="133"/>
      <c r="P16" s="13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3" t="s">
        <v>465</v>
      </c>
      <c r="C18" s="63" t="s">
        <v>435</v>
      </c>
      <c r="D18" s="64" t="s">
        <v>40</v>
      </c>
      <c r="E18" s="61" t="s">
        <v>459</v>
      </c>
      <c r="F18" s="41" t="s">
        <v>500</v>
      </c>
      <c r="G18" s="19">
        <v>9</v>
      </c>
      <c r="H18" s="79">
        <v>0</v>
      </c>
      <c r="I18" s="19">
        <v>0</v>
      </c>
      <c r="J18" s="19">
        <v>0</v>
      </c>
      <c r="K18" s="19">
        <v>4</v>
      </c>
      <c r="L18" s="19">
        <v>1</v>
      </c>
      <c r="M18" s="19"/>
      <c r="N18" s="19"/>
      <c r="O18" s="19"/>
      <c r="P18" s="19"/>
      <c r="Q18" s="21">
        <f>SUM(G18:P18)</f>
        <v>14</v>
      </c>
      <c r="R18" s="8">
        <f>Q18/$E$14</f>
        <v>0.28000000000000003</v>
      </c>
      <c r="S18" s="30" t="s">
        <v>114</v>
      </c>
    </row>
    <row r="19" spans="1:19" x14ac:dyDescent="0.25">
      <c r="A19" s="21">
        <v>2</v>
      </c>
      <c r="B19" s="63" t="s">
        <v>467</v>
      </c>
      <c r="C19" s="63" t="s">
        <v>468</v>
      </c>
      <c r="D19" s="64" t="s">
        <v>33</v>
      </c>
      <c r="E19" s="61" t="s">
        <v>466</v>
      </c>
      <c r="F19" s="41" t="s">
        <v>504</v>
      </c>
      <c r="G19" s="19">
        <v>4</v>
      </c>
      <c r="H19" s="79">
        <v>1</v>
      </c>
      <c r="I19" s="19">
        <v>0</v>
      </c>
      <c r="J19" s="19">
        <v>0</v>
      </c>
      <c r="K19" s="19">
        <v>3</v>
      </c>
      <c r="L19" s="19">
        <v>0</v>
      </c>
      <c r="M19" s="19"/>
      <c r="N19" s="19"/>
      <c r="O19" s="19"/>
      <c r="P19" s="19"/>
      <c r="Q19" s="21">
        <f>SUM(G19:P19)</f>
        <v>8</v>
      </c>
      <c r="R19" s="8">
        <f>Q19/$E$14</f>
        <v>0.16</v>
      </c>
      <c r="S19" s="30" t="s">
        <v>114</v>
      </c>
    </row>
    <row r="20" spans="1:19" x14ac:dyDescent="0.25">
      <c r="A20" s="21">
        <v>3</v>
      </c>
      <c r="B20" s="63" t="s">
        <v>461</v>
      </c>
      <c r="C20" s="63" t="s">
        <v>89</v>
      </c>
      <c r="D20" s="64" t="s">
        <v>62</v>
      </c>
      <c r="E20" s="82" t="s">
        <v>459</v>
      </c>
      <c r="F20" s="41" t="s">
        <v>516</v>
      </c>
      <c r="G20" s="19">
        <v>4</v>
      </c>
      <c r="H20" s="19">
        <v>1</v>
      </c>
      <c r="I20" s="19">
        <v>0</v>
      </c>
      <c r="J20" s="19">
        <v>0</v>
      </c>
      <c r="K20" s="68">
        <v>1.5</v>
      </c>
      <c r="L20" s="19">
        <v>1</v>
      </c>
      <c r="M20" s="19"/>
      <c r="N20" s="19"/>
      <c r="O20" s="19"/>
      <c r="P20" s="19"/>
      <c r="Q20" s="21">
        <f>SUM(G20:P20)</f>
        <v>7.5</v>
      </c>
      <c r="R20" s="8">
        <f>Q20/$E$14</f>
        <v>0.15</v>
      </c>
      <c r="S20" s="30" t="s">
        <v>114</v>
      </c>
    </row>
    <row r="21" spans="1:19" x14ac:dyDescent="0.25">
      <c r="A21" s="21">
        <v>4</v>
      </c>
      <c r="B21" s="63" t="s">
        <v>458</v>
      </c>
      <c r="C21" s="63" t="s">
        <v>73</v>
      </c>
      <c r="D21" s="64" t="s">
        <v>87</v>
      </c>
      <c r="E21" s="81" t="s">
        <v>459</v>
      </c>
      <c r="F21" s="41" t="s">
        <v>501</v>
      </c>
      <c r="G21" s="19">
        <v>5</v>
      </c>
      <c r="H21" s="19">
        <v>0</v>
      </c>
      <c r="I21" s="19">
        <v>0</v>
      </c>
      <c r="J21" s="19">
        <v>0</v>
      </c>
      <c r="K21" s="19">
        <v>0</v>
      </c>
      <c r="L21" s="19">
        <v>1</v>
      </c>
      <c r="M21" s="19"/>
      <c r="N21" s="19"/>
      <c r="O21" s="19"/>
      <c r="P21" s="19"/>
      <c r="Q21" s="21">
        <f>SUM(G21:P21)</f>
        <v>6</v>
      </c>
      <c r="R21" s="8">
        <f>Q21/$E$14</f>
        <v>0.12</v>
      </c>
      <c r="S21" s="30" t="s">
        <v>114</v>
      </c>
    </row>
    <row r="22" spans="1:19" x14ac:dyDescent="0.25">
      <c r="A22" s="21">
        <f>ROW(A5)</f>
        <v>5</v>
      </c>
      <c r="B22" s="63" t="s">
        <v>482</v>
      </c>
      <c r="C22" s="63" t="s">
        <v>105</v>
      </c>
      <c r="D22" s="63" t="s">
        <v>404</v>
      </c>
      <c r="E22" s="81" t="s">
        <v>457</v>
      </c>
      <c r="F22" s="41" t="s">
        <v>502</v>
      </c>
      <c r="G22" s="19">
        <v>5</v>
      </c>
      <c r="H22" s="19">
        <v>1</v>
      </c>
      <c r="I22" s="19">
        <v>0</v>
      </c>
      <c r="J22" s="19">
        <v>0</v>
      </c>
      <c r="K22" s="19">
        <v>0</v>
      </c>
      <c r="L22" s="19">
        <v>0</v>
      </c>
      <c r="M22" s="19"/>
      <c r="N22" s="19"/>
      <c r="O22" s="19"/>
      <c r="P22" s="19"/>
      <c r="Q22" s="21">
        <f>SUM(G22:P22)</f>
        <v>6</v>
      </c>
      <c r="R22" s="8">
        <f>Q22/$E$14</f>
        <v>0.12</v>
      </c>
      <c r="S22" s="30" t="s">
        <v>114</v>
      </c>
    </row>
    <row r="23" spans="1:19" x14ac:dyDescent="0.25">
      <c r="A23" s="21">
        <f>ROW(A6)</f>
        <v>6</v>
      </c>
      <c r="B23" s="63" t="s">
        <v>481</v>
      </c>
      <c r="C23" s="63" t="s">
        <v>59</v>
      </c>
      <c r="D23" s="63" t="s">
        <v>27</v>
      </c>
      <c r="E23" s="69" t="s">
        <v>457</v>
      </c>
      <c r="F23" s="41" t="s">
        <v>510</v>
      </c>
      <c r="G23" s="19">
        <v>3</v>
      </c>
      <c r="H23" s="19">
        <v>3</v>
      </c>
      <c r="I23" s="19">
        <v>0</v>
      </c>
      <c r="J23" s="19">
        <v>0</v>
      </c>
      <c r="K23" s="19">
        <v>0</v>
      </c>
      <c r="L23" s="19">
        <v>0</v>
      </c>
      <c r="M23" s="19"/>
      <c r="N23" s="19"/>
      <c r="O23" s="19"/>
      <c r="P23" s="19"/>
      <c r="Q23" s="21">
        <f>SUM(G23:P23)</f>
        <v>6</v>
      </c>
      <c r="R23" s="8">
        <f>Q23/$E$14</f>
        <v>0.12</v>
      </c>
      <c r="S23" s="30" t="s">
        <v>114</v>
      </c>
    </row>
    <row r="24" spans="1:19" x14ac:dyDescent="0.25">
      <c r="A24" s="21">
        <f t="shared" ref="A24:A33" si="0">ROW(A9)</f>
        <v>9</v>
      </c>
      <c r="B24" s="63" t="s">
        <v>471</v>
      </c>
      <c r="C24" s="63" t="s">
        <v>71</v>
      </c>
      <c r="D24" s="64" t="s">
        <v>521</v>
      </c>
      <c r="E24" s="61" t="s">
        <v>466</v>
      </c>
      <c r="F24" s="41" t="s">
        <v>518</v>
      </c>
      <c r="G24" s="19">
        <v>5</v>
      </c>
      <c r="H24" s="19">
        <v>0</v>
      </c>
      <c r="I24" s="19">
        <v>1</v>
      </c>
      <c r="J24" s="19">
        <v>0</v>
      </c>
      <c r="K24" s="19">
        <v>0</v>
      </c>
      <c r="L24" s="19">
        <v>0</v>
      </c>
      <c r="M24" s="19"/>
      <c r="N24" s="19"/>
      <c r="O24" s="19"/>
      <c r="P24" s="19"/>
      <c r="Q24" s="21">
        <f>SUM(G24:P24)</f>
        <v>6</v>
      </c>
      <c r="R24" s="8">
        <f>Q24/$E$14</f>
        <v>0.12</v>
      </c>
      <c r="S24" s="30" t="s">
        <v>114</v>
      </c>
    </row>
    <row r="25" spans="1:19" x14ac:dyDescent="0.25">
      <c r="A25" s="21">
        <f t="shared" si="0"/>
        <v>10</v>
      </c>
      <c r="B25" s="63" t="s">
        <v>478</v>
      </c>
      <c r="C25" s="63" t="s">
        <v>86</v>
      </c>
      <c r="D25" s="64" t="s">
        <v>455</v>
      </c>
      <c r="E25" s="61" t="s">
        <v>474</v>
      </c>
      <c r="F25" s="41" t="s">
        <v>519</v>
      </c>
      <c r="G25" s="19">
        <v>5</v>
      </c>
      <c r="H25" s="19">
        <v>0</v>
      </c>
      <c r="I25" s="19">
        <v>0</v>
      </c>
      <c r="J25" s="19">
        <v>0</v>
      </c>
      <c r="K25" s="19">
        <v>0</v>
      </c>
      <c r="L25" s="19">
        <v>1</v>
      </c>
      <c r="M25" s="19"/>
      <c r="N25" s="19"/>
      <c r="O25" s="19"/>
      <c r="P25" s="19"/>
      <c r="Q25" s="21">
        <f>SUM(G25:P25)</f>
        <v>6</v>
      </c>
      <c r="R25" s="8">
        <f>Q25/$E$14</f>
        <v>0.12</v>
      </c>
      <c r="S25" s="30" t="s">
        <v>114</v>
      </c>
    </row>
    <row r="26" spans="1:19" x14ac:dyDescent="0.25">
      <c r="A26" s="21">
        <f t="shared" si="0"/>
        <v>11</v>
      </c>
      <c r="B26" s="63" t="s">
        <v>456</v>
      </c>
      <c r="C26" s="63" t="s">
        <v>420</v>
      </c>
      <c r="D26" s="63" t="s">
        <v>84</v>
      </c>
      <c r="E26" s="69" t="s">
        <v>457</v>
      </c>
      <c r="F26" s="41" t="s">
        <v>506</v>
      </c>
      <c r="G26" s="19">
        <v>4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/>
      <c r="N26" s="19"/>
      <c r="O26" s="19"/>
      <c r="P26" s="19"/>
      <c r="Q26" s="21">
        <f>SUM(G26:P26)</f>
        <v>4</v>
      </c>
      <c r="R26" s="8">
        <f>Q26/$E$14</f>
        <v>0.08</v>
      </c>
      <c r="S26" s="30" t="s">
        <v>114</v>
      </c>
    </row>
    <row r="27" spans="1:19" x14ac:dyDescent="0.25">
      <c r="A27" s="21">
        <f t="shared" si="0"/>
        <v>12</v>
      </c>
      <c r="B27" s="63" t="s">
        <v>475</v>
      </c>
      <c r="C27" s="63" t="s">
        <v>476</v>
      </c>
      <c r="D27" s="64" t="s">
        <v>568</v>
      </c>
      <c r="E27" s="69" t="s">
        <v>474</v>
      </c>
      <c r="F27" s="41" t="s">
        <v>509</v>
      </c>
      <c r="G27" s="19">
        <v>4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/>
      <c r="N27" s="19"/>
      <c r="O27" s="19"/>
      <c r="P27" s="19"/>
      <c r="Q27" s="21">
        <f>SUM(G27:P27)</f>
        <v>4</v>
      </c>
      <c r="R27" s="8">
        <f>Q27/$E$14</f>
        <v>0.08</v>
      </c>
      <c r="S27" s="30" t="s">
        <v>114</v>
      </c>
    </row>
    <row r="28" spans="1:19" x14ac:dyDescent="0.25">
      <c r="A28" s="21">
        <f t="shared" si="0"/>
        <v>13</v>
      </c>
      <c r="B28" s="63" t="s">
        <v>469</v>
      </c>
      <c r="C28" s="63" t="s">
        <v>414</v>
      </c>
      <c r="D28" s="64" t="s">
        <v>87</v>
      </c>
      <c r="E28" s="61" t="s">
        <v>466</v>
      </c>
      <c r="F28" s="41" t="s">
        <v>514</v>
      </c>
      <c r="G28" s="67">
        <v>3</v>
      </c>
      <c r="H28" s="19">
        <v>1</v>
      </c>
      <c r="I28" s="19">
        <v>0</v>
      </c>
      <c r="J28" s="19">
        <v>0</v>
      </c>
      <c r="K28" s="19">
        <v>0</v>
      </c>
      <c r="L28" s="19">
        <v>0</v>
      </c>
      <c r="M28" s="19"/>
      <c r="N28" s="19"/>
      <c r="O28" s="19"/>
      <c r="P28" s="19"/>
      <c r="Q28" s="21">
        <f>SUM(G28:P28)</f>
        <v>4</v>
      </c>
      <c r="R28" s="8">
        <f>Q28/$E$14</f>
        <v>0.08</v>
      </c>
      <c r="S28" s="30" t="s">
        <v>114</v>
      </c>
    </row>
    <row r="29" spans="1:19" x14ac:dyDescent="0.25">
      <c r="A29" s="21">
        <f t="shared" si="0"/>
        <v>14</v>
      </c>
      <c r="B29" s="63" t="s">
        <v>480</v>
      </c>
      <c r="C29" s="63" t="s">
        <v>53</v>
      </c>
      <c r="D29" s="63" t="s">
        <v>72</v>
      </c>
      <c r="E29" s="61" t="s">
        <v>457</v>
      </c>
      <c r="F29" s="41" t="s">
        <v>515</v>
      </c>
      <c r="G29" s="19">
        <v>4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/>
      <c r="N29" s="19"/>
      <c r="O29" s="19"/>
      <c r="P29" s="19"/>
      <c r="Q29" s="21">
        <f>SUM(G29:P29)</f>
        <v>4</v>
      </c>
      <c r="R29" s="8">
        <f>Q29/$E$14</f>
        <v>0.08</v>
      </c>
      <c r="S29" s="30" t="s">
        <v>114</v>
      </c>
    </row>
    <row r="30" spans="1:19" x14ac:dyDescent="0.25">
      <c r="A30" s="21">
        <f t="shared" si="0"/>
        <v>15</v>
      </c>
      <c r="B30" s="63" t="s">
        <v>479</v>
      </c>
      <c r="C30" s="63" t="s">
        <v>54</v>
      </c>
      <c r="D30" s="64" t="s">
        <v>522</v>
      </c>
      <c r="E30" s="61" t="s">
        <v>474</v>
      </c>
      <c r="F30" s="41" t="s">
        <v>520</v>
      </c>
      <c r="G30" s="19">
        <v>1</v>
      </c>
      <c r="H30" s="19">
        <v>1</v>
      </c>
      <c r="I30" s="19">
        <v>1</v>
      </c>
      <c r="J30" s="19">
        <v>0</v>
      </c>
      <c r="K30" s="19">
        <v>0</v>
      </c>
      <c r="L30" s="19">
        <v>1</v>
      </c>
      <c r="M30" s="19"/>
      <c r="N30" s="19"/>
      <c r="O30" s="19"/>
      <c r="P30" s="19"/>
      <c r="Q30" s="21">
        <f>SUM(G30:P30)</f>
        <v>4</v>
      </c>
      <c r="R30" s="8">
        <f>Q30/$E$14</f>
        <v>0.08</v>
      </c>
      <c r="S30" s="30" t="s">
        <v>114</v>
      </c>
    </row>
    <row r="31" spans="1:19" x14ac:dyDescent="0.25">
      <c r="A31" s="21">
        <f t="shared" si="0"/>
        <v>16</v>
      </c>
      <c r="B31" s="63" t="s">
        <v>460</v>
      </c>
      <c r="C31" s="63" t="s">
        <v>443</v>
      </c>
      <c r="D31" s="64" t="s">
        <v>65</v>
      </c>
      <c r="E31" s="69" t="s">
        <v>459</v>
      </c>
      <c r="F31" s="41" t="s">
        <v>511</v>
      </c>
      <c r="G31" s="19">
        <v>3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  <c r="M31" s="19"/>
      <c r="N31" s="19"/>
      <c r="O31" s="19"/>
      <c r="P31" s="19"/>
      <c r="Q31" s="21">
        <f>SUM(G31:P31)</f>
        <v>3</v>
      </c>
      <c r="R31" s="8">
        <f>Q31/$E$14</f>
        <v>0.06</v>
      </c>
      <c r="S31" s="30" t="s">
        <v>114</v>
      </c>
    </row>
    <row r="32" spans="1:19" x14ac:dyDescent="0.25">
      <c r="A32" s="21">
        <f t="shared" si="0"/>
        <v>17</v>
      </c>
      <c r="B32" s="63" t="s">
        <v>483</v>
      </c>
      <c r="C32" s="63" t="s">
        <v>74</v>
      </c>
      <c r="D32" s="63" t="s">
        <v>78</v>
      </c>
      <c r="E32" s="61" t="s">
        <v>457</v>
      </c>
      <c r="F32" s="41" t="s">
        <v>503</v>
      </c>
      <c r="G32" s="19">
        <v>2</v>
      </c>
      <c r="H32" s="19">
        <v>0</v>
      </c>
      <c r="I32" s="19">
        <v>0</v>
      </c>
      <c r="J32" s="19">
        <v>0</v>
      </c>
      <c r="K32" s="19">
        <v>1</v>
      </c>
      <c r="L32" s="19">
        <v>0</v>
      </c>
      <c r="M32" s="19"/>
      <c r="N32" s="19"/>
      <c r="O32" s="19"/>
      <c r="P32" s="19"/>
      <c r="Q32" s="21">
        <f>SUM(G32:P32)</f>
        <v>3</v>
      </c>
      <c r="R32" s="8">
        <f>Q32/$E$14</f>
        <v>0.06</v>
      </c>
      <c r="S32" s="30" t="s">
        <v>114</v>
      </c>
    </row>
    <row r="33" spans="1:25" x14ac:dyDescent="0.25">
      <c r="A33" s="21">
        <f t="shared" si="0"/>
        <v>18</v>
      </c>
      <c r="B33" s="63" t="s">
        <v>472</v>
      </c>
      <c r="C33" s="63" t="s">
        <v>473</v>
      </c>
      <c r="D33" s="64" t="s">
        <v>78</v>
      </c>
      <c r="E33" s="61" t="s">
        <v>466</v>
      </c>
      <c r="F33" s="41" t="s">
        <v>513</v>
      </c>
      <c r="G33" s="19">
        <v>3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/>
      <c r="N33" s="19"/>
      <c r="O33" s="19"/>
      <c r="P33" s="19"/>
      <c r="Q33" s="21">
        <f>SUM(G33:P33)</f>
        <v>3</v>
      </c>
      <c r="R33" s="8">
        <f>Q33/$E$14</f>
        <v>0.06</v>
      </c>
      <c r="S33" s="30" t="s">
        <v>114</v>
      </c>
    </row>
    <row r="34" spans="1:25" x14ac:dyDescent="0.25">
      <c r="A34" s="21">
        <f t="shared" ref="A34:A38" si="1">ROW(A21)</f>
        <v>21</v>
      </c>
      <c r="B34" s="63" t="s">
        <v>464</v>
      </c>
      <c r="C34" s="63" t="s">
        <v>37</v>
      </c>
      <c r="D34" s="64" t="s">
        <v>62</v>
      </c>
      <c r="E34" s="61" t="s">
        <v>459</v>
      </c>
      <c r="F34" s="41" t="s">
        <v>517</v>
      </c>
      <c r="G34" s="19">
        <v>1</v>
      </c>
      <c r="H34" s="19">
        <v>0</v>
      </c>
      <c r="I34" s="19">
        <v>0</v>
      </c>
      <c r="J34" s="19">
        <v>0</v>
      </c>
      <c r="K34" s="19">
        <v>0</v>
      </c>
      <c r="L34" s="19">
        <v>2</v>
      </c>
      <c r="M34" s="19"/>
      <c r="N34" s="19"/>
      <c r="O34" s="19"/>
      <c r="P34" s="19"/>
      <c r="Q34" s="21">
        <f>SUM(G34:P34)</f>
        <v>3</v>
      </c>
      <c r="R34" s="8">
        <f>Q34/$E$14</f>
        <v>0.06</v>
      </c>
      <c r="S34" s="30" t="s">
        <v>114</v>
      </c>
    </row>
    <row r="35" spans="1:25" x14ac:dyDescent="0.25">
      <c r="A35" s="21">
        <f t="shared" si="1"/>
        <v>22</v>
      </c>
      <c r="B35" s="63" t="s">
        <v>462</v>
      </c>
      <c r="C35" s="63" t="s">
        <v>463</v>
      </c>
      <c r="D35" s="64" t="s">
        <v>522</v>
      </c>
      <c r="E35" s="69" t="s">
        <v>459</v>
      </c>
      <c r="F35" s="41" t="s">
        <v>508</v>
      </c>
      <c r="G35" s="19">
        <v>2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21">
        <f>SUM(G35:P35)</f>
        <v>2</v>
      </c>
      <c r="R35" s="8">
        <f>Q35/$E$14</f>
        <v>0.04</v>
      </c>
      <c r="S35" s="30" t="s">
        <v>114</v>
      </c>
      <c r="Y35" s="44">
        <v>5.88888888888888E+16</v>
      </c>
    </row>
    <row r="36" spans="1:25" x14ac:dyDescent="0.25">
      <c r="A36" s="21">
        <f t="shared" si="1"/>
        <v>23</v>
      </c>
      <c r="B36" s="63" t="s">
        <v>477</v>
      </c>
      <c r="C36" s="63" t="s">
        <v>54</v>
      </c>
      <c r="D36" s="64" t="s">
        <v>521</v>
      </c>
      <c r="E36" s="61" t="s">
        <v>474</v>
      </c>
      <c r="F36" s="41" t="s">
        <v>505</v>
      </c>
      <c r="G36" s="19">
        <v>1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/>
      <c r="N36" s="19"/>
      <c r="O36" s="19"/>
      <c r="P36" s="19"/>
      <c r="Q36" s="21">
        <f>SUM(G36:P36)</f>
        <v>1</v>
      </c>
      <c r="R36" s="8">
        <f>Q36/$E$14</f>
        <v>0.02</v>
      </c>
      <c r="S36" s="30" t="s">
        <v>114</v>
      </c>
    </row>
    <row r="37" spans="1:25" x14ac:dyDescent="0.25">
      <c r="A37" s="21">
        <f t="shared" si="1"/>
        <v>24</v>
      </c>
      <c r="B37" s="63" t="s">
        <v>428</v>
      </c>
      <c r="C37" s="63" t="s">
        <v>154</v>
      </c>
      <c r="D37" s="64" t="s">
        <v>31</v>
      </c>
      <c r="E37" s="69" t="s">
        <v>466</v>
      </c>
      <c r="F37" s="41" t="s">
        <v>507</v>
      </c>
      <c r="G37" s="19">
        <v>1</v>
      </c>
      <c r="H37" s="79">
        <v>0</v>
      </c>
      <c r="I37" s="19">
        <v>0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21">
        <f>SUM(G37:P37)</f>
        <v>1</v>
      </c>
      <c r="R37" s="8">
        <f>Q37/$E$14</f>
        <v>0.02</v>
      </c>
      <c r="S37" s="30" t="s">
        <v>114</v>
      </c>
    </row>
    <row r="38" spans="1:25" x14ac:dyDescent="0.25">
      <c r="A38" s="21">
        <f t="shared" si="1"/>
        <v>25</v>
      </c>
      <c r="B38" s="63" t="s">
        <v>470</v>
      </c>
      <c r="C38" s="63" t="s">
        <v>414</v>
      </c>
      <c r="D38" s="64" t="s">
        <v>33</v>
      </c>
      <c r="E38" s="61" t="s">
        <v>466</v>
      </c>
      <c r="F38" s="41" t="s">
        <v>512</v>
      </c>
      <c r="G38" s="19">
        <v>1</v>
      </c>
      <c r="H38" s="19">
        <v>0</v>
      </c>
      <c r="I38" s="19">
        <v>0</v>
      </c>
      <c r="J38" s="19">
        <v>0</v>
      </c>
      <c r="K38" s="19">
        <v>0</v>
      </c>
      <c r="L38" s="19">
        <v>0</v>
      </c>
      <c r="M38" s="19"/>
      <c r="N38" s="19"/>
      <c r="O38" s="19"/>
      <c r="P38" s="19"/>
      <c r="Q38" s="21">
        <f>SUM(G38:P38)</f>
        <v>1</v>
      </c>
      <c r="R38" s="8">
        <f>Q38/$E$14</f>
        <v>0.02</v>
      </c>
      <c r="S38" s="30" t="s">
        <v>114</v>
      </c>
    </row>
    <row r="39" spans="1:25" ht="19.899999999999999" customHeight="1" x14ac:dyDescent="0.25">
      <c r="A39" s="56"/>
      <c r="B39" s="17"/>
      <c r="C39" s="17"/>
      <c r="D39" s="17"/>
      <c r="E39" s="11"/>
      <c r="F39" s="11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56"/>
      <c r="R39" s="7"/>
      <c r="S39" s="5"/>
    </row>
    <row r="40" spans="1:25" ht="20.25" customHeight="1" x14ac:dyDescent="0.25">
      <c r="A40" s="33"/>
      <c r="B40" s="33"/>
      <c r="C40" s="33"/>
      <c r="D40" s="11"/>
      <c r="E40" s="11"/>
      <c r="F40" s="11"/>
      <c r="G40" s="17"/>
      <c r="H40" s="60"/>
      <c r="I40" s="60"/>
      <c r="J40" s="60"/>
      <c r="K40" s="60"/>
      <c r="L40" s="60"/>
      <c r="M40" s="60"/>
      <c r="N40" s="60"/>
      <c r="O40" s="60"/>
      <c r="P40" s="60"/>
      <c r="Q40" s="60"/>
    </row>
    <row r="41" spans="1:25" ht="15.75" x14ac:dyDescent="0.25">
      <c r="A41" s="3" t="s">
        <v>366</v>
      </c>
      <c r="B41" s="44"/>
      <c r="C41" s="52"/>
      <c r="D41" s="126" t="s">
        <v>490</v>
      </c>
      <c r="E41" s="126"/>
      <c r="F41" s="54"/>
      <c r="G41" s="17"/>
      <c r="H41" s="50"/>
      <c r="I41" s="50"/>
      <c r="J41" s="50"/>
      <c r="K41" s="50"/>
      <c r="L41" s="50"/>
      <c r="M41" s="50"/>
      <c r="N41" s="50"/>
      <c r="O41" s="50"/>
      <c r="P41" s="50"/>
      <c r="Q41" s="60"/>
    </row>
    <row r="42" spans="1:25" ht="19.899999999999999" customHeight="1" x14ac:dyDescent="0.25">
      <c r="A42" s="2"/>
      <c r="B42" s="2"/>
      <c r="C42" s="59" t="s">
        <v>367</v>
      </c>
      <c r="D42" s="116" t="s">
        <v>359</v>
      </c>
      <c r="E42" s="116"/>
      <c r="F42" s="116"/>
      <c r="G42" s="17"/>
      <c r="H42" s="127"/>
      <c r="I42" s="127"/>
      <c r="J42" s="127"/>
      <c r="K42" s="127"/>
      <c r="L42" s="127"/>
      <c r="M42" s="127"/>
      <c r="N42" s="127"/>
      <c r="O42" s="127"/>
      <c r="P42" s="127"/>
      <c r="Q42" s="127"/>
    </row>
    <row r="43" spans="1:25" ht="19.899999999999999" customHeight="1" x14ac:dyDescent="0.25">
      <c r="A43" s="3" t="s">
        <v>368</v>
      </c>
      <c r="B43" s="44"/>
      <c r="C43" s="52"/>
      <c r="D43" s="126" t="s">
        <v>491</v>
      </c>
      <c r="E43" s="126"/>
      <c r="F43" s="55"/>
      <c r="G43" s="17"/>
      <c r="H43" s="50"/>
      <c r="I43" s="50"/>
      <c r="J43" s="50"/>
      <c r="K43" s="50"/>
      <c r="L43" s="50"/>
      <c r="M43" s="50"/>
      <c r="N43" s="50"/>
      <c r="O43" s="50"/>
      <c r="P43" s="50"/>
      <c r="Q43" s="60"/>
    </row>
    <row r="44" spans="1:25" ht="19.899999999999999" customHeight="1" x14ac:dyDescent="0.25">
      <c r="A44" s="44"/>
      <c r="B44" s="44"/>
      <c r="C44" s="59" t="s">
        <v>367</v>
      </c>
      <c r="D44" s="116" t="s">
        <v>359</v>
      </c>
      <c r="E44" s="116"/>
      <c r="F44" s="116"/>
      <c r="G44" s="17"/>
      <c r="H44" s="60"/>
      <c r="I44" s="60"/>
      <c r="J44" s="60"/>
      <c r="K44" s="60"/>
      <c r="L44" s="60"/>
      <c r="M44" s="60"/>
      <c r="N44" s="60"/>
      <c r="O44" s="60"/>
      <c r="P44" s="60"/>
      <c r="Q44" s="60"/>
    </row>
    <row r="45" spans="1:25" ht="19.899999999999999" customHeight="1" x14ac:dyDescent="0.25"/>
  </sheetData>
  <autoFilter ref="A17:S17">
    <sortState ref="A18:W94">
      <sortCondition descending="1" ref="R17"/>
    </sortState>
  </autoFilter>
  <sortState ref="B18:R38">
    <sortCondition descending="1" ref="R18:R38"/>
  </sortState>
  <mergeCells count="19">
    <mergeCell ref="J7:S7"/>
    <mergeCell ref="A1:S1"/>
    <mergeCell ref="A3:S3"/>
    <mergeCell ref="A5:I5"/>
    <mergeCell ref="J5:S5"/>
    <mergeCell ref="J6:S6"/>
    <mergeCell ref="D44:F44"/>
    <mergeCell ref="J8:S8"/>
    <mergeCell ref="A10:D10"/>
    <mergeCell ref="E10:G10"/>
    <mergeCell ref="A12:D12"/>
    <mergeCell ref="E12:G12"/>
    <mergeCell ref="A14:D14"/>
    <mergeCell ref="E14:G14"/>
    <mergeCell ref="G16:P16"/>
    <mergeCell ref="D41:E41"/>
    <mergeCell ref="D42:F42"/>
    <mergeCell ref="H42:Q42"/>
    <mergeCell ref="D43:E43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8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2"/>
  <sheetViews>
    <sheetView view="pageBreakPreview" zoomScaleSheetLayoutView="100" workbookViewId="0">
      <selection activeCell="Q9" sqref="Q9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7" width="5.28515625" style="16" customWidth="1"/>
    <col min="8" max="8" width="7.42578125" style="16" customWidth="1"/>
    <col min="9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141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64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73"/>
      <c r="B9" s="71"/>
      <c r="C9" s="71"/>
      <c r="D9" s="71"/>
      <c r="E9" s="76"/>
      <c r="F9" s="76"/>
      <c r="G9" s="71"/>
      <c r="H9" s="71"/>
      <c r="I9" s="71"/>
      <c r="J9" s="71"/>
      <c r="K9" s="71"/>
      <c r="L9" s="71"/>
      <c r="M9" s="71"/>
      <c r="N9" s="71"/>
      <c r="O9" s="71"/>
      <c r="P9" s="71"/>
      <c r="Q9" s="75"/>
      <c r="R9" s="75"/>
      <c r="S9" s="75"/>
    </row>
    <row r="10" spans="1:19" ht="15.75" x14ac:dyDescent="0.25">
      <c r="A10" s="118" t="s">
        <v>6</v>
      </c>
      <c r="B10" s="118"/>
      <c r="C10" s="118"/>
      <c r="D10" s="118"/>
      <c r="E10" s="119">
        <v>45201</v>
      </c>
      <c r="F10" s="119"/>
      <c r="G10" s="120"/>
      <c r="H10" s="71"/>
      <c r="I10" s="71"/>
      <c r="J10" s="71"/>
      <c r="K10" s="71"/>
      <c r="L10" s="71"/>
      <c r="M10" s="71"/>
      <c r="N10" s="71"/>
      <c r="O10" s="71"/>
      <c r="P10" s="71"/>
      <c r="Q10" s="75"/>
      <c r="R10" s="75"/>
      <c r="S10" s="75"/>
    </row>
    <row r="11" spans="1:19" ht="15.75" x14ac:dyDescent="0.25">
      <c r="A11" s="83"/>
      <c r="B11" s="84"/>
      <c r="C11" s="84"/>
      <c r="D11" s="84"/>
      <c r="E11" s="70"/>
      <c r="F11" s="70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5"/>
      <c r="R11" s="75"/>
      <c r="S11" s="75"/>
    </row>
    <row r="12" spans="1:19" ht="15.75" x14ac:dyDescent="0.25">
      <c r="A12" s="118" t="s">
        <v>369</v>
      </c>
      <c r="B12" s="118"/>
      <c r="C12" s="118"/>
      <c r="D12" s="118"/>
      <c r="E12" s="119">
        <v>45202</v>
      </c>
      <c r="F12" s="122"/>
      <c r="G12" s="122"/>
      <c r="H12" s="84" t="s">
        <v>13</v>
      </c>
      <c r="I12" s="71"/>
      <c r="J12" s="71"/>
      <c r="K12" s="71"/>
      <c r="L12" s="71"/>
      <c r="M12" s="71"/>
      <c r="N12" s="71"/>
      <c r="O12" s="71"/>
      <c r="P12" s="71"/>
      <c r="Q12" s="75"/>
      <c r="R12" s="75"/>
      <c r="S12" s="75"/>
    </row>
    <row r="13" spans="1:19" ht="15.75" x14ac:dyDescent="0.25">
      <c r="A13" s="83"/>
      <c r="B13" s="84"/>
      <c r="C13" s="84"/>
      <c r="D13" s="84"/>
      <c r="E13" s="70"/>
      <c r="F13" s="70"/>
      <c r="G13" s="72"/>
      <c r="H13" s="71"/>
      <c r="I13" s="71"/>
      <c r="J13" s="71"/>
      <c r="K13" s="71"/>
      <c r="L13" s="71"/>
      <c r="M13" s="71"/>
      <c r="N13" s="71"/>
      <c r="O13" s="71"/>
      <c r="P13" s="71"/>
      <c r="Q13" s="75"/>
      <c r="R13" s="75"/>
      <c r="S13" s="75"/>
    </row>
    <row r="14" spans="1:19" ht="15.75" x14ac:dyDescent="0.25">
      <c r="A14" s="118" t="s">
        <v>370</v>
      </c>
      <c r="B14" s="118"/>
      <c r="C14" s="118"/>
      <c r="D14" s="118"/>
      <c r="E14" s="122">
        <v>50</v>
      </c>
      <c r="F14" s="122"/>
      <c r="G14" s="122"/>
      <c r="H14" s="71"/>
      <c r="I14" s="71"/>
      <c r="J14" s="71"/>
      <c r="K14" s="71"/>
      <c r="L14" s="71"/>
      <c r="M14" s="71"/>
      <c r="N14" s="71"/>
      <c r="O14" s="71"/>
      <c r="P14" s="71"/>
      <c r="Q14" s="75"/>
      <c r="R14" s="75"/>
      <c r="S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32" t="s">
        <v>17</v>
      </c>
      <c r="H16" s="133"/>
      <c r="I16" s="133"/>
      <c r="J16" s="133"/>
      <c r="K16" s="133"/>
      <c r="L16" s="133"/>
      <c r="M16" s="133"/>
      <c r="N16" s="133"/>
      <c r="O16" s="133"/>
      <c r="P16" s="13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3" t="s">
        <v>450</v>
      </c>
      <c r="C18" s="63" t="s">
        <v>43</v>
      </c>
      <c r="D18" s="63" t="s">
        <v>45</v>
      </c>
      <c r="E18" s="61" t="s">
        <v>446</v>
      </c>
      <c r="F18" s="69" t="s">
        <v>496</v>
      </c>
      <c r="G18" s="19">
        <v>10</v>
      </c>
      <c r="H18" s="19">
        <v>7</v>
      </c>
      <c r="I18" s="19">
        <v>0</v>
      </c>
      <c r="J18" s="19">
        <v>4</v>
      </c>
      <c r="K18" s="19">
        <v>4.5</v>
      </c>
      <c r="L18" s="19">
        <v>4</v>
      </c>
      <c r="M18" s="19"/>
      <c r="N18" s="19"/>
      <c r="O18" s="19"/>
      <c r="P18" s="19"/>
      <c r="Q18" s="21">
        <f t="shared" ref="Q18:Q25" si="0">SUM(G18:P18)</f>
        <v>29.5</v>
      </c>
      <c r="R18" s="8">
        <f t="shared" ref="R18:R25" si="1">Q18/$E$14</f>
        <v>0.59</v>
      </c>
      <c r="S18" s="30" t="s">
        <v>113</v>
      </c>
    </row>
    <row r="19" spans="1:19" x14ac:dyDescent="0.25">
      <c r="A19" s="21">
        <v>2</v>
      </c>
      <c r="B19" s="77" t="s">
        <v>447</v>
      </c>
      <c r="C19" s="77" t="s">
        <v>123</v>
      </c>
      <c r="D19" s="77" t="s">
        <v>448</v>
      </c>
      <c r="E19" s="69" t="s">
        <v>446</v>
      </c>
      <c r="F19" s="69" t="s">
        <v>495</v>
      </c>
      <c r="G19" s="19">
        <v>6</v>
      </c>
      <c r="H19" s="19">
        <v>2</v>
      </c>
      <c r="I19" s="19">
        <v>2</v>
      </c>
      <c r="J19" s="19">
        <v>1</v>
      </c>
      <c r="K19" s="19">
        <v>3</v>
      </c>
      <c r="L19" s="19">
        <v>3</v>
      </c>
      <c r="M19" s="19"/>
      <c r="N19" s="19"/>
      <c r="O19" s="19"/>
      <c r="P19" s="19"/>
      <c r="Q19" s="21">
        <f t="shared" si="0"/>
        <v>17</v>
      </c>
      <c r="R19" s="8">
        <f t="shared" si="1"/>
        <v>0.34</v>
      </c>
      <c r="S19" s="30" t="s">
        <v>114</v>
      </c>
    </row>
    <row r="20" spans="1:19" x14ac:dyDescent="0.25">
      <c r="A20" s="21">
        <v>3</v>
      </c>
      <c r="B20" s="77" t="s">
        <v>445</v>
      </c>
      <c r="C20" s="77" t="s">
        <v>43</v>
      </c>
      <c r="D20" s="77" t="s">
        <v>36</v>
      </c>
      <c r="E20" s="69" t="s">
        <v>446</v>
      </c>
      <c r="F20" s="69" t="s">
        <v>493</v>
      </c>
      <c r="G20" s="19">
        <v>7</v>
      </c>
      <c r="H20" s="19">
        <v>0</v>
      </c>
      <c r="I20" s="19">
        <v>4</v>
      </c>
      <c r="J20" s="19">
        <v>2</v>
      </c>
      <c r="K20" s="19">
        <v>0</v>
      </c>
      <c r="L20" s="19">
        <v>0</v>
      </c>
      <c r="M20" s="19"/>
      <c r="N20" s="19"/>
      <c r="O20" s="19"/>
      <c r="P20" s="19"/>
      <c r="Q20" s="21">
        <f t="shared" si="0"/>
        <v>13</v>
      </c>
      <c r="R20" s="8">
        <f t="shared" si="1"/>
        <v>0.26</v>
      </c>
      <c r="S20" s="30" t="s">
        <v>114</v>
      </c>
    </row>
    <row r="21" spans="1:19" x14ac:dyDescent="0.25">
      <c r="A21" s="21">
        <v>4</v>
      </c>
      <c r="B21" s="63" t="s">
        <v>454</v>
      </c>
      <c r="C21" s="63" t="s">
        <v>34</v>
      </c>
      <c r="D21" s="63" t="s">
        <v>455</v>
      </c>
      <c r="E21" s="62" t="s">
        <v>446</v>
      </c>
      <c r="F21" s="69" t="s">
        <v>499</v>
      </c>
      <c r="G21" s="19">
        <v>3</v>
      </c>
      <c r="H21" s="79">
        <v>2</v>
      </c>
      <c r="I21" s="19">
        <v>2</v>
      </c>
      <c r="J21" s="19">
        <v>1.5</v>
      </c>
      <c r="K21" s="19">
        <v>3</v>
      </c>
      <c r="L21" s="19">
        <v>0</v>
      </c>
      <c r="M21" s="19"/>
      <c r="N21" s="19"/>
      <c r="O21" s="19"/>
      <c r="P21" s="19"/>
      <c r="Q21" s="21">
        <f t="shared" si="0"/>
        <v>11.5</v>
      </c>
      <c r="R21" s="8">
        <f t="shared" si="1"/>
        <v>0.23</v>
      </c>
      <c r="S21" s="30" t="s">
        <v>114</v>
      </c>
    </row>
    <row r="22" spans="1:19" x14ac:dyDescent="0.25">
      <c r="A22" s="21">
        <f>ROW(A5)</f>
        <v>5</v>
      </c>
      <c r="B22" s="77" t="s">
        <v>29</v>
      </c>
      <c r="C22" s="77" t="s">
        <v>443</v>
      </c>
      <c r="D22" s="77" t="s">
        <v>67</v>
      </c>
      <c r="E22" s="81" t="s">
        <v>444</v>
      </c>
      <c r="F22" s="69" t="s">
        <v>492</v>
      </c>
      <c r="G22" s="19">
        <v>3</v>
      </c>
      <c r="H22" s="19">
        <v>2</v>
      </c>
      <c r="I22" s="19">
        <v>2</v>
      </c>
      <c r="J22" s="19">
        <v>1.5</v>
      </c>
      <c r="K22" s="19">
        <v>0</v>
      </c>
      <c r="L22" s="19">
        <v>0</v>
      </c>
      <c r="M22" s="19"/>
      <c r="N22" s="19"/>
      <c r="O22" s="19"/>
      <c r="P22" s="19"/>
      <c r="Q22" s="21">
        <f t="shared" si="0"/>
        <v>8.5</v>
      </c>
      <c r="R22" s="8">
        <f t="shared" si="1"/>
        <v>0.17</v>
      </c>
      <c r="S22" s="30" t="s">
        <v>114</v>
      </c>
    </row>
    <row r="23" spans="1:19" x14ac:dyDescent="0.25">
      <c r="A23" s="21">
        <f>ROW(A6)</f>
        <v>6</v>
      </c>
      <c r="B23" s="63" t="s">
        <v>453</v>
      </c>
      <c r="C23" s="63" t="s">
        <v>92</v>
      </c>
      <c r="D23" s="63" t="s">
        <v>51</v>
      </c>
      <c r="E23" s="61" t="s">
        <v>446</v>
      </c>
      <c r="F23" s="69" t="s">
        <v>498</v>
      </c>
      <c r="G23" s="19">
        <v>4</v>
      </c>
      <c r="H23" s="79">
        <v>1</v>
      </c>
      <c r="I23" s="19">
        <v>0</v>
      </c>
      <c r="J23" s="19">
        <v>0</v>
      </c>
      <c r="K23" s="19">
        <v>0</v>
      </c>
      <c r="L23" s="19">
        <v>0</v>
      </c>
      <c r="M23" s="19"/>
      <c r="N23" s="19"/>
      <c r="O23" s="19"/>
      <c r="P23" s="19"/>
      <c r="Q23" s="21">
        <f t="shared" si="0"/>
        <v>5</v>
      </c>
      <c r="R23" s="8">
        <f t="shared" si="1"/>
        <v>0.1</v>
      </c>
      <c r="S23" s="30" t="s">
        <v>114</v>
      </c>
    </row>
    <row r="24" spans="1:19" x14ac:dyDescent="0.25">
      <c r="A24" s="21">
        <f t="shared" ref="A24:A25" si="2">ROW(A9)</f>
        <v>9</v>
      </c>
      <c r="B24" s="77" t="s">
        <v>449</v>
      </c>
      <c r="C24" s="77" t="s">
        <v>414</v>
      </c>
      <c r="D24" s="77" t="s">
        <v>58</v>
      </c>
      <c r="E24" s="80" t="s">
        <v>446</v>
      </c>
      <c r="F24" s="69" t="s">
        <v>494</v>
      </c>
      <c r="G24" s="19">
        <v>2</v>
      </c>
      <c r="H24" s="19">
        <v>1</v>
      </c>
      <c r="I24" s="19">
        <v>1</v>
      </c>
      <c r="J24" s="19">
        <v>0</v>
      </c>
      <c r="K24" s="19">
        <v>0</v>
      </c>
      <c r="L24" s="19">
        <v>0</v>
      </c>
      <c r="M24" s="19"/>
      <c r="N24" s="19"/>
      <c r="O24" s="19"/>
      <c r="P24" s="19"/>
      <c r="Q24" s="21">
        <f t="shared" si="0"/>
        <v>4</v>
      </c>
      <c r="R24" s="8">
        <f t="shared" si="1"/>
        <v>0.08</v>
      </c>
      <c r="S24" s="30" t="s">
        <v>114</v>
      </c>
    </row>
    <row r="25" spans="1:19" x14ac:dyDescent="0.25">
      <c r="A25" s="21">
        <f t="shared" si="2"/>
        <v>10</v>
      </c>
      <c r="B25" s="63" t="s">
        <v>452</v>
      </c>
      <c r="C25" s="63" t="s">
        <v>74</v>
      </c>
      <c r="D25" s="63" t="s">
        <v>451</v>
      </c>
      <c r="E25" s="61" t="s">
        <v>444</v>
      </c>
      <c r="F25" s="69" t="s">
        <v>497</v>
      </c>
      <c r="G25" s="19">
        <v>2</v>
      </c>
      <c r="H25" s="19">
        <v>2</v>
      </c>
      <c r="I25" s="19">
        <v>0</v>
      </c>
      <c r="J25" s="19">
        <v>0</v>
      </c>
      <c r="K25" s="19">
        <v>0</v>
      </c>
      <c r="L25" s="19">
        <v>0</v>
      </c>
      <c r="M25" s="19"/>
      <c r="N25" s="19"/>
      <c r="O25" s="19"/>
      <c r="P25" s="19"/>
      <c r="Q25" s="21">
        <f t="shared" si="0"/>
        <v>4</v>
      </c>
      <c r="R25" s="8">
        <f t="shared" si="1"/>
        <v>0.08</v>
      </c>
      <c r="S25" s="30" t="s">
        <v>114</v>
      </c>
    </row>
    <row r="26" spans="1:19" ht="19.899999999999999" customHeight="1" x14ac:dyDescent="0.25">
      <c r="A26" s="56"/>
      <c r="B26" s="17"/>
      <c r="C26" s="17"/>
      <c r="D26" s="17"/>
      <c r="E26" s="11"/>
      <c r="F26" s="11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56"/>
      <c r="R26" s="7"/>
      <c r="S26" s="5"/>
    </row>
    <row r="27" spans="1:19" ht="20.25" customHeight="1" x14ac:dyDescent="0.25">
      <c r="A27" s="33"/>
      <c r="B27" s="33"/>
      <c r="C27" s="33"/>
      <c r="D27" s="11"/>
      <c r="E27" s="11"/>
      <c r="F27" s="11"/>
      <c r="G27" s="17"/>
      <c r="H27" s="60"/>
      <c r="I27" s="60"/>
      <c r="J27" s="60"/>
      <c r="K27" s="60"/>
      <c r="L27" s="60"/>
      <c r="M27" s="60"/>
      <c r="N27" s="60"/>
      <c r="O27" s="60"/>
      <c r="P27" s="60"/>
      <c r="Q27" s="60"/>
    </row>
    <row r="28" spans="1:19" ht="15.75" x14ac:dyDescent="0.25">
      <c r="A28" s="3" t="s">
        <v>366</v>
      </c>
      <c r="B28" s="44"/>
      <c r="C28" s="52"/>
      <c r="D28" s="126" t="s">
        <v>490</v>
      </c>
      <c r="E28" s="126"/>
      <c r="F28" s="54"/>
      <c r="G28" s="17"/>
      <c r="H28" s="50"/>
      <c r="I28" s="50"/>
      <c r="J28" s="50"/>
      <c r="K28" s="50"/>
      <c r="L28" s="50"/>
      <c r="M28" s="50"/>
      <c r="N28" s="50"/>
      <c r="O28" s="50"/>
      <c r="P28" s="50"/>
      <c r="Q28" s="60"/>
    </row>
    <row r="29" spans="1:19" ht="19.899999999999999" customHeight="1" x14ac:dyDescent="0.25">
      <c r="A29" s="2"/>
      <c r="B29" s="2"/>
      <c r="C29" s="59" t="s">
        <v>367</v>
      </c>
      <c r="D29" s="116" t="s">
        <v>359</v>
      </c>
      <c r="E29" s="116"/>
      <c r="F29" s="116"/>
      <c r="G29" s="17"/>
      <c r="H29" s="127"/>
      <c r="I29" s="127"/>
      <c r="J29" s="127"/>
      <c r="K29" s="127"/>
      <c r="L29" s="127"/>
      <c r="M29" s="127"/>
      <c r="N29" s="127"/>
      <c r="O29" s="127"/>
      <c r="P29" s="127"/>
      <c r="Q29" s="127"/>
    </row>
    <row r="30" spans="1:19" ht="19.899999999999999" customHeight="1" x14ac:dyDescent="0.25">
      <c r="A30" s="3" t="s">
        <v>368</v>
      </c>
      <c r="B30" s="44"/>
      <c r="C30" s="52"/>
      <c r="D30" s="126" t="s">
        <v>491</v>
      </c>
      <c r="E30" s="126"/>
      <c r="F30" s="55"/>
      <c r="G30" s="17"/>
      <c r="H30" s="50"/>
      <c r="I30" s="50"/>
      <c r="J30" s="50"/>
      <c r="K30" s="50"/>
      <c r="L30" s="50"/>
      <c r="M30" s="50"/>
      <c r="N30" s="50"/>
      <c r="O30" s="50"/>
      <c r="P30" s="50"/>
      <c r="Q30" s="60"/>
    </row>
    <row r="31" spans="1:19" ht="19.899999999999999" customHeight="1" x14ac:dyDescent="0.25">
      <c r="A31" s="44"/>
      <c r="B31" s="44"/>
      <c r="C31" s="59" t="s">
        <v>367</v>
      </c>
      <c r="D31" s="116" t="s">
        <v>359</v>
      </c>
      <c r="E31" s="116"/>
      <c r="F31" s="116"/>
      <c r="G31" s="17"/>
      <c r="H31" s="60"/>
      <c r="I31" s="60"/>
      <c r="J31" s="60"/>
      <c r="K31" s="60"/>
      <c r="L31" s="60"/>
      <c r="M31" s="60"/>
      <c r="N31" s="60"/>
      <c r="O31" s="60"/>
      <c r="P31" s="60"/>
      <c r="Q31" s="60"/>
    </row>
    <row r="32" spans="1:19" ht="19.899999999999999" customHeight="1" x14ac:dyDescent="0.25"/>
  </sheetData>
  <autoFilter ref="A17:S17">
    <sortState ref="A18:W94">
      <sortCondition descending="1" ref="R17"/>
    </sortState>
  </autoFilter>
  <sortState ref="B18:S25">
    <sortCondition descending="1" ref="R18:R25"/>
  </sortState>
  <mergeCells count="19">
    <mergeCell ref="J7:S7"/>
    <mergeCell ref="A1:S1"/>
    <mergeCell ref="A3:S3"/>
    <mergeCell ref="A5:I5"/>
    <mergeCell ref="J5:S5"/>
    <mergeCell ref="J6:S6"/>
    <mergeCell ref="D31:F31"/>
    <mergeCell ref="J8:S8"/>
    <mergeCell ref="A10:D10"/>
    <mergeCell ref="E10:G10"/>
    <mergeCell ref="A12:D12"/>
    <mergeCell ref="E12:G12"/>
    <mergeCell ref="A14:D14"/>
    <mergeCell ref="E14:G14"/>
    <mergeCell ref="G16:P16"/>
    <mergeCell ref="D28:E28"/>
    <mergeCell ref="D29:F29"/>
    <mergeCell ref="H29:Q29"/>
    <mergeCell ref="D30:E30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5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7"/>
  <sheetViews>
    <sheetView view="pageBreakPreview" zoomScaleSheetLayoutView="100" workbookViewId="0">
      <selection activeCell="R9" sqref="R9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29" t="s">
        <v>371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</row>
    <row r="4" spans="1:19" ht="15.75" x14ac:dyDescent="0.25">
      <c r="A4" s="73"/>
      <c r="B4" s="71"/>
      <c r="C4" s="71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1"/>
      <c r="P4" s="71"/>
      <c r="Q4" s="75"/>
      <c r="R4" s="75"/>
      <c r="S4" s="75"/>
    </row>
    <row r="5" spans="1:19" ht="18.75" x14ac:dyDescent="0.25">
      <c r="A5" s="130" t="s">
        <v>11</v>
      </c>
      <c r="B5" s="130"/>
      <c r="C5" s="130"/>
      <c r="D5" s="130"/>
      <c r="E5" s="130"/>
      <c r="F5" s="130"/>
      <c r="G5" s="130"/>
      <c r="H5" s="130"/>
      <c r="I5" s="130"/>
      <c r="J5" s="128" t="s">
        <v>141</v>
      </c>
      <c r="K5" s="128"/>
      <c r="L5" s="128"/>
      <c r="M5" s="128"/>
      <c r="N5" s="128"/>
      <c r="O5" s="128"/>
      <c r="P5" s="128"/>
      <c r="Q5" s="128"/>
      <c r="R5" s="128"/>
      <c r="S5" s="128"/>
    </row>
    <row r="6" spans="1:19" x14ac:dyDescent="0.25">
      <c r="A6" s="73"/>
      <c r="B6" s="71"/>
      <c r="C6" s="71"/>
      <c r="D6" s="71"/>
      <c r="E6" s="76"/>
      <c r="F6" s="76"/>
      <c r="G6" s="71"/>
      <c r="H6" s="71"/>
      <c r="I6" s="71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73"/>
      <c r="B7" s="71"/>
      <c r="C7" s="71"/>
      <c r="D7" s="71"/>
      <c r="E7" s="76"/>
      <c r="F7" s="76"/>
      <c r="G7" s="71"/>
      <c r="H7" s="71"/>
      <c r="I7" s="71"/>
      <c r="J7" s="128" t="s">
        <v>365</v>
      </c>
      <c r="K7" s="128"/>
      <c r="L7" s="128"/>
      <c r="M7" s="128"/>
      <c r="N7" s="128"/>
      <c r="O7" s="128"/>
      <c r="P7" s="128"/>
      <c r="Q7" s="128"/>
      <c r="R7" s="128"/>
      <c r="S7" s="128"/>
    </row>
    <row r="8" spans="1:19" x14ac:dyDescent="0.25">
      <c r="A8" s="73"/>
      <c r="B8" s="71"/>
      <c r="C8" s="71"/>
      <c r="D8" s="71"/>
      <c r="E8" s="76"/>
      <c r="F8" s="76"/>
      <c r="G8" s="71"/>
      <c r="H8" s="71"/>
      <c r="I8" s="71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10" spans="1:19" ht="15.75" x14ac:dyDescent="0.25">
      <c r="A10" s="104" t="s">
        <v>6</v>
      </c>
      <c r="B10" s="104"/>
      <c r="C10" s="104"/>
      <c r="D10" s="104"/>
      <c r="E10" s="119">
        <v>45201</v>
      </c>
      <c r="F10" s="119"/>
      <c r="G10" s="120"/>
    </row>
    <row r="11" spans="1:19" ht="15.75" x14ac:dyDescent="0.25">
      <c r="A11" s="58"/>
      <c r="B11" s="49"/>
      <c r="C11" s="49"/>
      <c r="D11" s="49"/>
      <c r="E11" s="70"/>
      <c r="F11" s="70"/>
      <c r="G11" s="71"/>
    </row>
    <row r="12" spans="1:19" ht="15.75" x14ac:dyDescent="0.25">
      <c r="A12" s="104" t="s">
        <v>369</v>
      </c>
      <c r="B12" s="104"/>
      <c r="C12" s="104"/>
      <c r="D12" s="104"/>
      <c r="E12" s="119">
        <v>45202</v>
      </c>
      <c r="F12" s="122"/>
      <c r="G12" s="122"/>
      <c r="H12" s="49" t="s">
        <v>13</v>
      </c>
    </row>
    <row r="13" spans="1:19" ht="15.75" x14ac:dyDescent="0.25">
      <c r="A13" s="58"/>
      <c r="B13" s="49"/>
      <c r="C13" s="49"/>
      <c r="D13" s="49"/>
      <c r="E13" s="70"/>
      <c r="F13" s="70"/>
      <c r="G13" s="72"/>
    </row>
    <row r="14" spans="1:19" ht="15.75" x14ac:dyDescent="0.25">
      <c r="A14" s="104" t="s">
        <v>370</v>
      </c>
      <c r="B14" s="104"/>
      <c r="C14" s="104"/>
      <c r="D14" s="104"/>
      <c r="E14" s="122">
        <v>50</v>
      </c>
      <c r="F14" s="122"/>
      <c r="G14" s="122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32" t="s">
        <v>17</v>
      </c>
      <c r="H16" s="133"/>
      <c r="I16" s="133"/>
      <c r="J16" s="133"/>
      <c r="K16" s="133"/>
      <c r="L16" s="133"/>
      <c r="M16" s="133"/>
      <c r="N16" s="133"/>
      <c r="O16" s="133"/>
      <c r="P16" s="13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3" t="s">
        <v>436</v>
      </c>
      <c r="C18" s="63" t="s">
        <v>66</v>
      </c>
      <c r="D18" s="63" t="s">
        <v>31</v>
      </c>
      <c r="E18" s="69" t="s">
        <v>442</v>
      </c>
      <c r="F18" s="69" t="s">
        <v>488</v>
      </c>
      <c r="G18" s="19">
        <v>8</v>
      </c>
      <c r="H18" s="19">
        <v>6</v>
      </c>
      <c r="I18" s="19">
        <v>3</v>
      </c>
      <c r="J18" s="19">
        <v>2</v>
      </c>
      <c r="K18" s="19">
        <v>5.5</v>
      </c>
      <c r="L18" s="19">
        <v>1</v>
      </c>
      <c r="M18" s="19"/>
      <c r="N18" s="19"/>
      <c r="O18" s="19"/>
      <c r="P18" s="19"/>
      <c r="Q18" s="21">
        <f>SUM(G18:P18)</f>
        <v>25.5</v>
      </c>
      <c r="R18" s="8">
        <f>Q18/$E$14</f>
        <v>0.51</v>
      </c>
      <c r="S18" s="30" t="s">
        <v>113</v>
      </c>
    </row>
    <row r="19" spans="1:19" x14ac:dyDescent="0.25">
      <c r="A19" s="21">
        <v>2</v>
      </c>
      <c r="B19" s="63" t="s">
        <v>46</v>
      </c>
      <c r="C19" s="63" t="s">
        <v>486</v>
      </c>
      <c r="D19" s="63" t="s">
        <v>33</v>
      </c>
      <c r="E19" s="69" t="s">
        <v>442</v>
      </c>
      <c r="F19" s="69" t="s">
        <v>489</v>
      </c>
      <c r="G19" s="19">
        <v>4</v>
      </c>
      <c r="H19" s="19">
        <v>5</v>
      </c>
      <c r="I19" s="19">
        <v>0</v>
      </c>
      <c r="J19" s="19">
        <v>0</v>
      </c>
      <c r="K19" s="19">
        <v>6</v>
      </c>
      <c r="L19" s="19">
        <v>0</v>
      </c>
      <c r="M19" s="19"/>
      <c r="N19" s="19"/>
      <c r="O19" s="19"/>
      <c r="P19" s="19"/>
      <c r="Q19" s="21">
        <f>SUM(G19:P19)</f>
        <v>15</v>
      </c>
      <c r="R19" s="8">
        <f>Q19/$E$14</f>
        <v>0.3</v>
      </c>
      <c r="S19" s="30" t="s">
        <v>114</v>
      </c>
    </row>
    <row r="20" spans="1:19" x14ac:dyDescent="0.25">
      <c r="A20" s="21">
        <v>3</v>
      </c>
      <c r="B20" s="63" t="s">
        <v>441</v>
      </c>
      <c r="C20" s="63" t="s">
        <v>59</v>
      </c>
      <c r="D20" s="63" t="s">
        <v>36</v>
      </c>
      <c r="E20" s="69" t="s">
        <v>442</v>
      </c>
      <c r="F20" s="69" t="s">
        <v>487</v>
      </c>
      <c r="G20" s="19">
        <v>6</v>
      </c>
      <c r="H20" s="19">
        <v>2</v>
      </c>
      <c r="I20" s="19">
        <v>2</v>
      </c>
      <c r="J20" s="19">
        <v>0</v>
      </c>
      <c r="K20" s="19">
        <v>1.5</v>
      </c>
      <c r="L20" s="19">
        <v>0</v>
      </c>
      <c r="M20" s="19"/>
      <c r="N20" s="19"/>
      <c r="O20" s="19"/>
      <c r="P20" s="19"/>
      <c r="Q20" s="21">
        <f>SUM(G20:P20)</f>
        <v>11.5</v>
      </c>
      <c r="R20" s="8">
        <f>Q20/$E$14</f>
        <v>0.23</v>
      </c>
      <c r="S20" s="30" t="s">
        <v>114</v>
      </c>
    </row>
    <row r="21" spans="1:19" ht="19.899999999999999" customHeight="1" x14ac:dyDescent="0.25">
      <c r="A21" s="56"/>
      <c r="B21" s="17"/>
      <c r="C21" s="17"/>
      <c r="D21" s="17"/>
      <c r="E21" s="11"/>
      <c r="F21" s="11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56"/>
      <c r="R21" s="7"/>
      <c r="S21" s="5"/>
    </row>
    <row r="22" spans="1:19" ht="20.25" customHeight="1" x14ac:dyDescent="0.25">
      <c r="A22" s="33"/>
      <c r="B22" s="33"/>
      <c r="C22" s="33"/>
      <c r="D22" s="11"/>
      <c r="E22" s="11"/>
      <c r="F22" s="11"/>
      <c r="G22" s="17"/>
      <c r="H22" s="60"/>
      <c r="I22" s="60"/>
      <c r="J22" s="60"/>
      <c r="K22" s="60"/>
      <c r="L22" s="60"/>
      <c r="M22" s="60"/>
      <c r="N22" s="60"/>
      <c r="O22" s="60"/>
      <c r="P22" s="60"/>
      <c r="Q22" s="60"/>
    </row>
    <row r="23" spans="1:19" ht="15.75" x14ac:dyDescent="0.25">
      <c r="A23" s="3" t="s">
        <v>366</v>
      </c>
      <c r="B23" s="44"/>
      <c r="C23" s="52"/>
      <c r="D23" s="126" t="s">
        <v>490</v>
      </c>
      <c r="E23" s="126"/>
      <c r="F23" s="54"/>
      <c r="G23" s="17"/>
      <c r="H23" s="50"/>
      <c r="I23" s="50"/>
      <c r="J23" s="50"/>
      <c r="K23" s="50"/>
      <c r="L23" s="50"/>
      <c r="M23" s="50"/>
      <c r="N23" s="50"/>
      <c r="O23" s="50"/>
      <c r="P23" s="50"/>
      <c r="Q23" s="60"/>
    </row>
    <row r="24" spans="1:19" ht="19.899999999999999" customHeight="1" x14ac:dyDescent="0.25">
      <c r="A24" s="2"/>
      <c r="B24" s="2"/>
      <c r="C24" s="59" t="s">
        <v>367</v>
      </c>
      <c r="D24" s="116" t="s">
        <v>359</v>
      </c>
      <c r="E24" s="116"/>
      <c r="F24" s="116"/>
      <c r="G24" s="17"/>
      <c r="H24" s="127"/>
      <c r="I24" s="127"/>
      <c r="J24" s="127"/>
      <c r="K24" s="127"/>
      <c r="L24" s="127"/>
      <c r="M24" s="127"/>
      <c r="N24" s="127"/>
      <c r="O24" s="127"/>
      <c r="P24" s="127"/>
      <c r="Q24" s="127"/>
    </row>
    <row r="25" spans="1:19" ht="19.899999999999999" customHeight="1" x14ac:dyDescent="0.25">
      <c r="A25" s="3" t="s">
        <v>368</v>
      </c>
      <c r="B25" s="44"/>
      <c r="C25" s="52"/>
      <c r="D25" s="126" t="s">
        <v>491</v>
      </c>
      <c r="E25" s="126"/>
      <c r="F25" s="55"/>
      <c r="G25" s="17"/>
      <c r="H25" s="50"/>
      <c r="I25" s="50"/>
      <c r="J25" s="50"/>
      <c r="K25" s="50"/>
      <c r="L25" s="50"/>
      <c r="M25" s="50"/>
      <c r="N25" s="50"/>
      <c r="O25" s="50"/>
      <c r="P25" s="50"/>
      <c r="Q25" s="60"/>
    </row>
    <row r="26" spans="1:19" ht="19.899999999999999" customHeight="1" x14ac:dyDescent="0.25">
      <c r="A26" s="44"/>
      <c r="B26" s="44"/>
      <c r="C26" s="59" t="s">
        <v>367</v>
      </c>
      <c r="D26" s="116" t="s">
        <v>359</v>
      </c>
      <c r="E26" s="116"/>
      <c r="F26" s="116"/>
      <c r="G26" s="17"/>
      <c r="H26" s="60"/>
      <c r="I26" s="60"/>
      <c r="J26" s="60"/>
      <c r="K26" s="60"/>
      <c r="L26" s="60"/>
      <c r="M26" s="60"/>
      <c r="N26" s="60"/>
      <c r="O26" s="60"/>
      <c r="P26" s="60"/>
      <c r="Q26" s="60"/>
    </row>
    <row r="27" spans="1:19" ht="19.899999999999999" customHeight="1" x14ac:dyDescent="0.25"/>
  </sheetData>
  <autoFilter ref="A17:S17">
    <sortState ref="A18:W94">
      <sortCondition descending="1" ref="R17"/>
    </sortState>
  </autoFilter>
  <sortState ref="B18:S20">
    <sortCondition descending="1" ref="R18:R20"/>
  </sortState>
  <mergeCells count="19">
    <mergeCell ref="J7:S7"/>
    <mergeCell ref="A1:S1"/>
    <mergeCell ref="A3:S3"/>
    <mergeCell ref="A5:I5"/>
    <mergeCell ref="J5:S5"/>
    <mergeCell ref="J6:S6"/>
    <mergeCell ref="D26:F26"/>
    <mergeCell ref="J8:S8"/>
    <mergeCell ref="A10:D10"/>
    <mergeCell ref="E10:G10"/>
    <mergeCell ref="A12:D12"/>
    <mergeCell ref="E12:G12"/>
    <mergeCell ref="A14:D14"/>
    <mergeCell ref="E14:G14"/>
    <mergeCell ref="G16:P16"/>
    <mergeCell ref="D23:E23"/>
    <mergeCell ref="D24:F24"/>
    <mergeCell ref="H24:Q24"/>
    <mergeCell ref="D25:E25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20T06:01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